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heme/theme5.xml" ContentType="application/vnd.openxmlformats-officedocument.theme+xml"/>
  <Override PartName="/ppt/notesSlides/notesSlide1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diagrams/data6.xml" ContentType="application/vnd.openxmlformats-officedocument.drawingml.diagramData+xml"/>
  <Override PartName="/ppt/diagrams/layout6.xml" ContentType="application/vnd.openxmlformats-officedocument.drawingml.diagramLayout+xml"/>
  <Override PartName="/ppt/diagrams/quickStyle6.xml" ContentType="application/vnd.openxmlformats-officedocument.drawingml.diagramStyle+xml"/>
  <Override PartName="/ppt/diagrams/colors6.xml" ContentType="application/vnd.openxmlformats-officedocument.drawingml.diagramColors+xml"/>
  <Override PartName="/ppt/diagrams/drawing6.xml" ContentType="application/vnd.ms-office.drawingml.diagramDrawing+xml"/>
  <Override PartName="/ppt/diagrams/data7.xml" ContentType="application/vnd.openxmlformats-officedocument.drawingml.diagramData+xml"/>
  <Override PartName="/ppt/diagrams/layout7.xml" ContentType="application/vnd.openxmlformats-officedocument.drawingml.diagramLayout+xml"/>
  <Override PartName="/ppt/diagrams/quickStyle7.xml" ContentType="application/vnd.openxmlformats-officedocument.drawingml.diagramStyle+xml"/>
  <Override PartName="/ppt/diagrams/colors7.xml" ContentType="application/vnd.openxmlformats-officedocument.drawingml.diagramColors+xml"/>
  <Override PartName="/ppt/diagrams/drawing7.xml" ContentType="application/vnd.ms-office.drawingml.diagramDrawing+xml"/>
  <Override PartName="/ppt/diagrams/data8.xml" ContentType="application/vnd.openxmlformats-officedocument.drawingml.diagramData+xml"/>
  <Override PartName="/ppt/diagrams/layout8.xml" ContentType="application/vnd.openxmlformats-officedocument.drawingml.diagramLayout+xml"/>
  <Override PartName="/ppt/diagrams/quickStyle8.xml" ContentType="application/vnd.openxmlformats-officedocument.drawingml.diagramStyle+xml"/>
  <Override PartName="/ppt/diagrams/colors8.xml" ContentType="application/vnd.openxmlformats-officedocument.drawingml.diagramColors+xml"/>
  <Override PartName="/ppt/diagrams/drawing8.xml" ContentType="application/vnd.ms-office.drawingml.diagramDrawing+xml"/>
  <Override PartName="/ppt/diagrams/data9.xml" ContentType="application/vnd.openxmlformats-officedocument.drawingml.diagramData+xml"/>
  <Override PartName="/ppt/diagrams/layout9.xml" ContentType="application/vnd.openxmlformats-officedocument.drawingml.diagramLayout+xml"/>
  <Override PartName="/ppt/diagrams/quickStyle9.xml" ContentType="application/vnd.openxmlformats-officedocument.drawingml.diagramStyle+xml"/>
  <Override PartName="/ppt/diagrams/colors9.xml" ContentType="application/vnd.openxmlformats-officedocument.drawingml.diagramColors+xml"/>
  <Override PartName="/ppt/diagrams/drawing9.xml" ContentType="application/vnd.ms-office.drawingml.diagramDrawing+xml"/>
  <Override PartName="/ppt/diagrams/data10.xml" ContentType="application/vnd.openxmlformats-officedocument.drawingml.diagramData+xml"/>
  <Override PartName="/ppt/diagrams/layout10.xml" ContentType="application/vnd.openxmlformats-officedocument.drawingml.diagramLayout+xml"/>
  <Override PartName="/ppt/diagrams/quickStyle10.xml" ContentType="application/vnd.openxmlformats-officedocument.drawingml.diagramStyle+xml"/>
  <Override PartName="/ppt/diagrams/colors10.xml" ContentType="application/vnd.openxmlformats-officedocument.drawingml.diagramColors+xml"/>
  <Override PartName="/ppt/diagrams/drawing10.xml" ContentType="application/vnd.ms-office.drawingml.diagramDrawing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 autoCompressPictures="0">
  <p:sldMasterIdLst>
    <p:sldMasterId id="2147483681" r:id="rId1"/>
    <p:sldMasterId id="2147483711" r:id="rId2"/>
    <p:sldMasterId id="2147483682" r:id="rId3"/>
  </p:sldMasterIdLst>
  <p:notesMasterIdLst>
    <p:notesMasterId r:id="rId18"/>
  </p:notesMasterIdLst>
  <p:handoutMasterIdLst>
    <p:handoutMasterId r:id="rId19"/>
  </p:handoutMasterIdLst>
  <p:sldIdLst>
    <p:sldId id="278" r:id="rId4"/>
    <p:sldId id="259" r:id="rId5"/>
    <p:sldId id="296" r:id="rId6"/>
    <p:sldId id="298" r:id="rId7"/>
    <p:sldId id="288" r:id="rId8"/>
    <p:sldId id="297" r:id="rId9"/>
    <p:sldId id="290" r:id="rId10"/>
    <p:sldId id="291" r:id="rId11"/>
    <p:sldId id="292" r:id="rId12"/>
    <p:sldId id="293" r:id="rId13"/>
    <p:sldId id="294" r:id="rId14"/>
    <p:sldId id="295" r:id="rId15"/>
    <p:sldId id="283" r:id="rId16"/>
    <p:sldId id="285" r:id="rId17"/>
  </p:sldIdLst>
  <p:sldSz cx="9144000" cy="6858000" type="screen4x3"/>
  <p:notesSz cx="9144000" cy="6858000"/>
  <p:custDataLst>
    <p:tags r:id="rId20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Opening Slide" id="{885F766A-7AEC-455B-BCF9-E8B6C269F7BA}">
          <p14:sldIdLst>
            <p14:sldId id="278"/>
          </p14:sldIdLst>
        </p14:section>
        <p14:section name="Section Dividers" id="{82575F4C-A2F0-4EE9-9AE0-39F65A27CD48}">
          <p14:sldIdLst>
            <p14:sldId id="259"/>
          </p14:sldIdLst>
        </p14:section>
        <p14:section name="Generic Slides" id="{CEC8951E-5280-470D-9367-390EE319EB8C}">
          <p14:sldIdLst>
            <p14:sldId id="296"/>
            <p14:sldId id="298"/>
            <p14:sldId id="288"/>
            <p14:sldId id="297"/>
            <p14:sldId id="290"/>
            <p14:sldId id="291"/>
            <p14:sldId id="292"/>
            <p14:sldId id="293"/>
            <p14:sldId id="294"/>
            <p14:sldId id="295"/>
            <p14:sldId id="283"/>
          </p14:sldIdLst>
        </p14:section>
        <p14:section name="Closing Slide" id="{18BF6BD7-647C-4898-8490-009901F6A820}">
          <p14:sldIdLst>
            <p14:sldId id="285"/>
          </p14:sldIdLst>
        </p14:section>
      </p14:section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97D700"/>
    <a:srgbClr val="009681"/>
    <a:srgbClr val="C6003D"/>
    <a:srgbClr val="00B398"/>
    <a:srgbClr val="01498E"/>
    <a:srgbClr val="AF1685"/>
    <a:srgbClr val="753BBD"/>
    <a:srgbClr val="006CB4"/>
    <a:srgbClr val="EFEEED"/>
    <a:srgbClr val="68478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84E427A-3D55-4303-BF80-6455036E1DE7}" styleName="Themed Style 1 - Accent 2">
    <a:tblBg>
      <a:fillRef idx="2">
        <a:schemeClr val="accent2"/>
      </a:fillRef>
      <a:effectRef idx="1">
        <a:schemeClr val="accent2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Ref idx="1">
              <a:schemeClr val="accent2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  <a:fill>
          <a:solidFill>
            <a:schemeClr val="accent2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2"/>
            </a:lnRef>
          </a:left>
          <a:right>
            <a:lnRef idx="2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2">
              <a:schemeClr val="accent2"/>
            </a:lnRef>
          </a:top>
          <a:bottom>
            <a:lnRef idx="2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6645" autoAdjust="0"/>
    <p:restoredTop sz="94648" autoAdjust="0"/>
  </p:normalViewPr>
  <p:slideViewPr>
    <p:cSldViewPr snapToObjects="1">
      <p:cViewPr varScale="1">
        <p:scale>
          <a:sx n="103" d="100"/>
          <a:sy n="103" d="100"/>
        </p:scale>
        <p:origin x="-168" y="-96"/>
      </p:cViewPr>
      <p:guideLst>
        <p:guide orient="horz" pos="2161"/>
        <p:guide orient="horz" pos="4201"/>
        <p:guide orient="horz" pos="119"/>
        <p:guide orient="horz" pos="232"/>
        <p:guide orient="horz" pos="4088"/>
        <p:guide orient="horz" pos="5"/>
        <p:guide pos="2880"/>
        <p:guide pos="159"/>
        <p:guide pos="5603"/>
        <p:guide pos="2993"/>
        <p:guide pos="2767"/>
        <p:guide pos="272"/>
        <p:guide pos="5488"/>
      </p:guideLst>
    </p:cSldViewPr>
  </p:slideViewPr>
  <p:outlineViewPr>
    <p:cViewPr>
      <p:scale>
        <a:sx n="33" d="100"/>
        <a:sy n="33" d="100"/>
      </p:scale>
      <p:origin x="0" y="6144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Objects="1" showGuides="1">
      <p:cViewPr varScale="1">
        <p:scale>
          <a:sx n="125" d="100"/>
          <a:sy n="125" d="100"/>
        </p:scale>
        <p:origin x="-966" y="-90"/>
      </p:cViewPr>
      <p:guideLst>
        <p:guide orient="horz" pos="2160"/>
        <p:guide orient="horz" pos="4201"/>
        <p:guide orient="horz" pos="119"/>
        <p:guide pos="2880"/>
        <p:guide pos="5601"/>
        <p:guide pos="158"/>
        <p:guide pos="2993"/>
        <p:guide pos="2767"/>
      </p:guideLst>
    </p:cSldViewPr>
  </p:notesViewPr>
  <p:gridSpacing cx="90012" cy="90012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5.xml"/><Relationship Id="rId13" Type="http://schemas.openxmlformats.org/officeDocument/2006/relationships/slide" Target="slides/slide10.xml"/><Relationship Id="rId18" Type="http://schemas.openxmlformats.org/officeDocument/2006/relationships/notesMaster" Target="notesMasters/notesMaster1.xml"/><Relationship Id="rId3" Type="http://schemas.openxmlformats.org/officeDocument/2006/relationships/slideMaster" Target="slideMasters/slideMaster3.xml"/><Relationship Id="rId21" Type="http://schemas.openxmlformats.org/officeDocument/2006/relationships/presProps" Target="presProps.xml"/><Relationship Id="rId7" Type="http://schemas.openxmlformats.org/officeDocument/2006/relationships/slide" Target="slides/slide4.xml"/><Relationship Id="rId12" Type="http://schemas.openxmlformats.org/officeDocument/2006/relationships/slide" Target="slides/slide9.xml"/><Relationship Id="rId17" Type="http://schemas.openxmlformats.org/officeDocument/2006/relationships/slide" Target="slides/slide14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3.xml"/><Relationship Id="rId20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1" Type="http://schemas.openxmlformats.org/officeDocument/2006/relationships/slide" Target="slides/slide8.xml"/><Relationship Id="rId24" Type="http://schemas.openxmlformats.org/officeDocument/2006/relationships/tableStyles" Target="tableStyles.xml"/><Relationship Id="rId5" Type="http://schemas.openxmlformats.org/officeDocument/2006/relationships/slide" Target="slides/slide2.xml"/><Relationship Id="rId15" Type="http://schemas.openxmlformats.org/officeDocument/2006/relationships/slide" Target="slides/slide12.xml"/><Relationship Id="rId23" Type="http://schemas.openxmlformats.org/officeDocument/2006/relationships/theme" Target="theme/theme1.xml"/><Relationship Id="rId10" Type="http://schemas.openxmlformats.org/officeDocument/2006/relationships/slide" Target="slides/slide7.xml"/><Relationship Id="rId19" Type="http://schemas.openxmlformats.org/officeDocument/2006/relationships/handoutMaster" Target="handoutMasters/handoutMaster1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slide" Target="slides/slide11.xml"/><Relationship Id="rId22" Type="http://schemas.openxmlformats.org/officeDocument/2006/relationships/viewProps" Target="viewProps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10.xml><?xml version="1.0" encoding="utf-8"?>
<dgm:colorsDef xmlns:dgm="http://schemas.openxmlformats.org/drawingml/2006/diagram" xmlns:a="http://schemas.openxmlformats.org/drawingml/2006/main" uniqueId="urn:microsoft.com/office/officeart/2005/8/colors/accent2_4">
  <dgm:title val=""/>
  <dgm:desc val=""/>
  <dgm:catLst>
    <dgm:cat type="accent2" pri="11400"/>
  </dgm:catLst>
  <dgm:styleLbl name="node0">
    <dgm:fillClrLst meth="cycle">
      <a:schemeClr val="accent2">
        <a:shade val="6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cycle">
      <a:schemeClr val="accent2">
        <a:shade val="50000"/>
      </a:schemeClr>
      <a:schemeClr val="accent2">
        <a:tint val="45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cycle">
      <a:schemeClr val="accent2">
        <a:shade val="50000"/>
      </a:schemeClr>
      <a:schemeClr val="accent2">
        <a:tint val="45000"/>
      </a:schemeClr>
    </dgm:fillClrLst>
    <dgm:linClrLst meth="cycle">
      <a:schemeClr val="accent2">
        <a:shade val="50000"/>
      </a:schemeClr>
      <a:schemeClr val="accent2">
        <a:tint val="45000"/>
      </a:schemeClr>
    </dgm:linClrLst>
    <dgm:effectClrLst/>
    <dgm:txLinClrLst/>
    <dgm:txFillClrLst/>
    <dgm:txEffectClrLst/>
  </dgm:styleLbl>
  <dgm:styleLbl name="lnNode1">
    <dgm:fillClrLst meth="cycle">
      <a:schemeClr val="accent2">
        <a:shade val="50000"/>
      </a:schemeClr>
      <a:schemeClr val="accent2">
        <a:tint val="45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cycle">
      <a:schemeClr val="accent2">
        <a:shade val="80000"/>
        <a:alpha val="50000"/>
      </a:schemeClr>
      <a:schemeClr val="accent2">
        <a:tint val="45000"/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tint val="99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tint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55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55000"/>
      </a:schemeClr>
    </dgm:fillClrLst>
    <dgm:linClrLst meth="repeat">
      <a:schemeClr val="accent2">
        <a:alpha val="90000"/>
        <a:tint val="55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55000"/>
      </a:schemeClr>
    </dgm:fillClrLst>
    <dgm:linClrLst meth="repeat">
      <a:schemeClr val="accent2">
        <a:alpha val="90000"/>
        <a:tint val="55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55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55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55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colorful2">
  <dgm:title val=""/>
  <dgm:desc val=""/>
  <dgm:catLst>
    <dgm:cat type="colorful" pri="10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/>
      <a:schemeClr val="accent3"/>
    </dgm:fillClrLst>
    <dgm:linClrLst>
      <a:schemeClr val="accent2"/>
      <a:schemeClr val="accent3"/>
    </dgm:linClrLst>
    <dgm:effectClrLst/>
    <dgm:txLinClrLst/>
    <dgm:txFillClrLst/>
    <dgm:txEffectClrLst/>
  </dgm:styleLbl>
  <dgm:styleLbl name="ln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alpha val="50000"/>
      </a:schemeClr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</a:schemeClr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2"/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2_5">
  <dgm:title val=""/>
  <dgm:desc val=""/>
  <dgm:catLst>
    <dgm:cat type="accent2" pri="11500"/>
  </dgm:catLst>
  <dgm:styleLbl name="node0">
    <dgm:fillClrLst meth="cycle">
      <a:schemeClr val="accent2">
        <a:alpha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>
        <a:alpha val="90000"/>
      </a:schemeClr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>
        <a:alpha val="90000"/>
      </a:schemeClr>
      <a:schemeClr val="accent2">
        <a:alpha val="5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/>
    <dgm:txEffectClrLst/>
  </dgm:styleLbl>
  <dgm:styleLbl name="lnNode1">
    <dgm:fillClrLst>
      <a:schemeClr val="accent2">
        <a:shade val="90000"/>
      </a:schemeClr>
      <a:schemeClr val="accent2">
        <a:alpha val="50000"/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shade val="80000"/>
        <a:alpha val="50000"/>
      </a:schemeClr>
      <a:schemeClr val="accent2">
        <a:alpha val="2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alpha val="3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  <a:alpha val="90000"/>
      </a:schemeClr>
      <a:schemeClr val="accent2">
        <a:tint val="20000"/>
        <a:alpha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alpha val="90000"/>
        <a:tint val="40000"/>
      </a:schemeClr>
      <a:schemeClr val="accent2">
        <a:alpha val="5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accent2_5">
  <dgm:title val=""/>
  <dgm:desc val=""/>
  <dgm:catLst>
    <dgm:cat type="accent2" pri="11500"/>
  </dgm:catLst>
  <dgm:styleLbl name="node0">
    <dgm:fillClrLst meth="cycle">
      <a:schemeClr val="accent2">
        <a:alpha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>
        <a:alpha val="90000"/>
      </a:schemeClr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>
        <a:alpha val="90000"/>
      </a:schemeClr>
      <a:schemeClr val="accent2">
        <a:alpha val="5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/>
    <dgm:txEffectClrLst/>
  </dgm:styleLbl>
  <dgm:styleLbl name="lnNode1">
    <dgm:fillClrLst>
      <a:schemeClr val="accent2">
        <a:shade val="90000"/>
      </a:schemeClr>
      <a:schemeClr val="accent2">
        <a:alpha val="50000"/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shade val="80000"/>
        <a:alpha val="50000"/>
      </a:schemeClr>
      <a:schemeClr val="accent2">
        <a:alpha val="2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alpha val="3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  <a:alpha val="90000"/>
      </a:schemeClr>
      <a:schemeClr val="accent2">
        <a:tint val="20000"/>
        <a:alpha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alpha val="90000"/>
        <a:tint val="40000"/>
      </a:schemeClr>
      <a:schemeClr val="accent2">
        <a:alpha val="5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6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7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8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9.xml><?xml version="1.0" encoding="utf-8"?>
<dgm:colorsDef xmlns:dgm="http://schemas.openxmlformats.org/drawingml/2006/diagram" xmlns:a="http://schemas.openxmlformats.org/drawingml/2006/main" uniqueId="urn:microsoft.com/office/officeart/2005/8/colors/accent2_4">
  <dgm:title val=""/>
  <dgm:desc val=""/>
  <dgm:catLst>
    <dgm:cat type="accent2" pri="11400"/>
  </dgm:catLst>
  <dgm:styleLbl name="node0">
    <dgm:fillClrLst meth="cycle">
      <a:schemeClr val="accent2">
        <a:shade val="6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cycle">
      <a:schemeClr val="accent2">
        <a:shade val="50000"/>
      </a:schemeClr>
      <a:schemeClr val="accent2">
        <a:tint val="45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cycle">
      <a:schemeClr val="accent2">
        <a:shade val="50000"/>
      </a:schemeClr>
      <a:schemeClr val="accent2">
        <a:tint val="45000"/>
      </a:schemeClr>
    </dgm:fillClrLst>
    <dgm:linClrLst meth="cycle">
      <a:schemeClr val="accent2">
        <a:shade val="50000"/>
      </a:schemeClr>
      <a:schemeClr val="accent2">
        <a:tint val="45000"/>
      </a:schemeClr>
    </dgm:linClrLst>
    <dgm:effectClrLst/>
    <dgm:txLinClrLst/>
    <dgm:txFillClrLst/>
    <dgm:txEffectClrLst/>
  </dgm:styleLbl>
  <dgm:styleLbl name="lnNode1">
    <dgm:fillClrLst meth="cycle">
      <a:schemeClr val="accent2">
        <a:shade val="50000"/>
      </a:schemeClr>
      <a:schemeClr val="accent2">
        <a:tint val="45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cycle">
      <a:schemeClr val="accent2">
        <a:shade val="80000"/>
        <a:alpha val="50000"/>
      </a:schemeClr>
      <a:schemeClr val="accent2">
        <a:tint val="45000"/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tint val="99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 meth="cycle">
      <a:schemeClr val="accent2">
        <a:shade val="90000"/>
      </a:schemeClr>
      <a:schemeClr val="accent2">
        <a:tint val="50000"/>
      </a:schemeClr>
    </dgm:fillClrLst>
    <dgm:linClrLst meth="cycle"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tint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55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cycle">
      <a:schemeClr val="accent2">
        <a:shade val="50000"/>
      </a:schemeClr>
      <a:schemeClr val="accent2">
        <a:tint val="55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55000"/>
      </a:schemeClr>
    </dgm:fillClrLst>
    <dgm:linClrLst meth="repeat">
      <a:schemeClr val="accent2">
        <a:alpha val="90000"/>
        <a:tint val="55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55000"/>
      </a:schemeClr>
    </dgm:fillClrLst>
    <dgm:linClrLst meth="repeat">
      <a:schemeClr val="accent2">
        <a:alpha val="90000"/>
        <a:tint val="55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55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55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55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55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0DD52D85-B8A7-458E-8320-24635F988E95}" type="doc">
      <dgm:prSet loTypeId="urn:microsoft.com/office/officeart/2005/8/layout/gear1" loCatId="process" qsTypeId="urn:microsoft.com/office/officeart/2005/8/quickstyle/3d6" qsCatId="3D" csTypeId="urn:microsoft.com/office/officeart/2005/8/colors/accent1_2" csCatId="accent1" phldr="1"/>
      <dgm:spPr/>
    </dgm:pt>
    <dgm:pt modelId="{322763A6-8E99-4DED-8639-A9106C3DA6EE}">
      <dgm:prSet phldrT="[Text]"/>
      <dgm:spPr>
        <a:solidFill>
          <a:srgbClr val="009681"/>
        </a:solidFill>
      </dgm:spPr>
      <dgm:t>
        <a:bodyPr/>
        <a:lstStyle/>
        <a:p>
          <a:r>
            <a:rPr lang="en-GB" dirty="0" smtClean="0"/>
            <a:t>The interpretation is based on my own experience with SMILE, SMIRK and PILOT </a:t>
          </a:r>
          <a:endParaRPr lang="en-GB" dirty="0"/>
        </a:p>
      </dgm:t>
    </dgm:pt>
    <dgm:pt modelId="{85278131-706E-4E9C-B21E-73420F84B3D5}" type="parTrans" cxnId="{4FD807DD-94EB-4258-B512-24004FD2A0E0}">
      <dgm:prSet/>
      <dgm:spPr/>
      <dgm:t>
        <a:bodyPr/>
        <a:lstStyle/>
        <a:p>
          <a:endParaRPr lang="en-GB"/>
        </a:p>
      </dgm:t>
    </dgm:pt>
    <dgm:pt modelId="{9BE93050-AD2F-4F78-8B5B-0D5427677AF9}" type="sibTrans" cxnId="{4FD807DD-94EB-4258-B512-24004FD2A0E0}">
      <dgm:prSet/>
      <dgm:spPr/>
      <dgm:t>
        <a:bodyPr/>
        <a:lstStyle/>
        <a:p>
          <a:endParaRPr lang="en-GB"/>
        </a:p>
      </dgm:t>
    </dgm:pt>
    <dgm:pt modelId="{1C8FFF1A-4BF8-45B8-B53E-1F88672F0D36}">
      <dgm:prSet phldrT="[Text]"/>
      <dgm:spPr/>
      <dgm:t>
        <a:bodyPr/>
        <a:lstStyle/>
        <a:p>
          <a:r>
            <a:rPr lang="en-GB" dirty="0" smtClean="0"/>
            <a:t>The issues identified are the results of a lit review</a:t>
          </a:r>
          <a:endParaRPr lang="en-GB" dirty="0"/>
        </a:p>
      </dgm:t>
    </dgm:pt>
    <dgm:pt modelId="{FCBF56A5-71A4-445B-8FC1-0C13C817FC9F}" type="parTrans" cxnId="{DCE3897A-8B1B-4686-BD0C-043A24DD8A92}">
      <dgm:prSet/>
      <dgm:spPr/>
      <dgm:t>
        <a:bodyPr/>
        <a:lstStyle/>
        <a:p>
          <a:endParaRPr lang="en-GB"/>
        </a:p>
      </dgm:t>
    </dgm:pt>
    <dgm:pt modelId="{7782D618-A36D-4978-B6FB-560A0FCE330A}" type="sibTrans" cxnId="{DCE3897A-8B1B-4686-BD0C-043A24DD8A92}">
      <dgm:prSet/>
      <dgm:spPr/>
      <dgm:t>
        <a:bodyPr/>
        <a:lstStyle/>
        <a:p>
          <a:endParaRPr lang="en-GB"/>
        </a:p>
      </dgm:t>
    </dgm:pt>
    <dgm:pt modelId="{6CFA9B84-A809-4AEA-94A2-7237B579B510}">
      <dgm:prSet phldrT="[Text]" custT="1"/>
      <dgm:spPr>
        <a:solidFill>
          <a:srgbClr val="C6003D"/>
        </a:solidFill>
      </dgm:spPr>
      <dgm:t>
        <a:bodyPr/>
        <a:lstStyle/>
        <a:p>
          <a:r>
            <a:rPr lang="en-GB" sz="2800" dirty="0" smtClean="0"/>
            <a:t>Warning!</a:t>
          </a:r>
          <a:endParaRPr lang="en-GB" sz="2800" dirty="0"/>
        </a:p>
      </dgm:t>
    </dgm:pt>
    <dgm:pt modelId="{6A15306C-A584-4F12-9910-4ABD93CD6141}" type="parTrans" cxnId="{C43862D9-A7E9-4B68-8ECF-D1D0F13AE2B7}">
      <dgm:prSet/>
      <dgm:spPr/>
      <dgm:t>
        <a:bodyPr/>
        <a:lstStyle/>
        <a:p>
          <a:endParaRPr lang="en-GB"/>
        </a:p>
      </dgm:t>
    </dgm:pt>
    <dgm:pt modelId="{17B7CD2F-C508-4196-A4E0-DC0828C91C14}" type="sibTrans" cxnId="{C43862D9-A7E9-4B68-8ECF-D1D0F13AE2B7}">
      <dgm:prSet/>
      <dgm:spPr/>
      <dgm:t>
        <a:bodyPr/>
        <a:lstStyle/>
        <a:p>
          <a:endParaRPr lang="en-GB"/>
        </a:p>
      </dgm:t>
    </dgm:pt>
    <dgm:pt modelId="{3C3A4B9B-2386-4E30-A8AE-2DF8A52C7FAF}" type="pres">
      <dgm:prSet presAssocID="{0DD52D85-B8A7-458E-8320-24635F988E95}" presName="composite" presStyleCnt="0">
        <dgm:presLayoutVars>
          <dgm:chMax val="3"/>
          <dgm:animLvl val="lvl"/>
          <dgm:resizeHandles val="exact"/>
        </dgm:presLayoutVars>
      </dgm:prSet>
      <dgm:spPr/>
    </dgm:pt>
    <dgm:pt modelId="{19D85A43-4A3B-4CA6-8A67-BE16ACA51E29}" type="pres">
      <dgm:prSet presAssocID="{322763A6-8E99-4DED-8639-A9106C3DA6EE}" presName="gear1" presStyleLbl="node1" presStyleIdx="0" presStyleCnt="3" custLinFactNeighborX="-3015" custLinFactNeighborY="0">
        <dgm:presLayoutVars>
          <dgm:chMax val="1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16FD2E14-9436-48B2-8A25-2ADB7D3D640B}" type="pres">
      <dgm:prSet presAssocID="{322763A6-8E99-4DED-8639-A9106C3DA6EE}" presName="gear1srcNode" presStyleLbl="node1" presStyleIdx="0" presStyleCnt="3"/>
      <dgm:spPr/>
      <dgm:t>
        <a:bodyPr/>
        <a:lstStyle/>
        <a:p>
          <a:endParaRPr lang="en-GB"/>
        </a:p>
      </dgm:t>
    </dgm:pt>
    <dgm:pt modelId="{50AB4BBC-6866-45C7-B20E-B4053E68C7EE}" type="pres">
      <dgm:prSet presAssocID="{322763A6-8E99-4DED-8639-A9106C3DA6EE}" presName="gear1dstNode" presStyleLbl="node1" presStyleIdx="0" presStyleCnt="3"/>
      <dgm:spPr/>
      <dgm:t>
        <a:bodyPr/>
        <a:lstStyle/>
        <a:p>
          <a:endParaRPr lang="en-GB"/>
        </a:p>
      </dgm:t>
    </dgm:pt>
    <dgm:pt modelId="{B77F3359-3135-447F-B651-6333ACDEA58B}" type="pres">
      <dgm:prSet presAssocID="{1C8FFF1A-4BF8-45B8-B53E-1F88672F0D36}" presName="gear2" presStyleLbl="node1" presStyleIdx="1" presStyleCnt="3" custLinFactNeighborX="2614" custLinFactNeighborY="215">
        <dgm:presLayoutVars>
          <dgm:chMax val="1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E8C98AAD-EDE5-4BB4-81D5-F3604E452F28}" type="pres">
      <dgm:prSet presAssocID="{1C8FFF1A-4BF8-45B8-B53E-1F88672F0D36}" presName="gear2srcNode" presStyleLbl="node1" presStyleIdx="1" presStyleCnt="3"/>
      <dgm:spPr/>
      <dgm:t>
        <a:bodyPr/>
        <a:lstStyle/>
        <a:p>
          <a:endParaRPr lang="en-GB"/>
        </a:p>
      </dgm:t>
    </dgm:pt>
    <dgm:pt modelId="{7D5CA0CF-DF88-4625-96BB-D0B9E15D650D}" type="pres">
      <dgm:prSet presAssocID="{1C8FFF1A-4BF8-45B8-B53E-1F88672F0D36}" presName="gear2dstNode" presStyleLbl="node1" presStyleIdx="1" presStyleCnt="3"/>
      <dgm:spPr/>
      <dgm:t>
        <a:bodyPr/>
        <a:lstStyle/>
        <a:p>
          <a:endParaRPr lang="en-GB"/>
        </a:p>
      </dgm:t>
    </dgm:pt>
    <dgm:pt modelId="{31D447AD-C80D-4294-A457-DD8B171B3A60}" type="pres">
      <dgm:prSet presAssocID="{6CFA9B84-A809-4AEA-94A2-7237B579B510}" presName="gear3" presStyleLbl="node1" presStyleIdx="2" presStyleCnt="3" custLinFactNeighborX="-2031"/>
      <dgm:spPr/>
      <dgm:t>
        <a:bodyPr/>
        <a:lstStyle/>
        <a:p>
          <a:endParaRPr lang="en-GB"/>
        </a:p>
      </dgm:t>
    </dgm:pt>
    <dgm:pt modelId="{8E9D04E7-0410-4060-AA69-63484411EEFF}" type="pres">
      <dgm:prSet presAssocID="{6CFA9B84-A809-4AEA-94A2-7237B579B510}" presName="gear3tx" presStyleLbl="node1" presStyleIdx="2" presStyleCnt="3">
        <dgm:presLayoutVars>
          <dgm:chMax val="1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44587622-4342-447F-9FD8-8DA2C5A78402}" type="pres">
      <dgm:prSet presAssocID="{6CFA9B84-A809-4AEA-94A2-7237B579B510}" presName="gear3srcNode" presStyleLbl="node1" presStyleIdx="2" presStyleCnt="3"/>
      <dgm:spPr/>
      <dgm:t>
        <a:bodyPr/>
        <a:lstStyle/>
        <a:p>
          <a:endParaRPr lang="en-GB"/>
        </a:p>
      </dgm:t>
    </dgm:pt>
    <dgm:pt modelId="{4B0A51B3-18E3-4E50-83D2-BDEA917722A1}" type="pres">
      <dgm:prSet presAssocID="{6CFA9B84-A809-4AEA-94A2-7237B579B510}" presName="gear3dstNode" presStyleLbl="node1" presStyleIdx="2" presStyleCnt="3"/>
      <dgm:spPr/>
      <dgm:t>
        <a:bodyPr/>
        <a:lstStyle/>
        <a:p>
          <a:endParaRPr lang="en-GB"/>
        </a:p>
      </dgm:t>
    </dgm:pt>
    <dgm:pt modelId="{74EC1DCC-285B-4D33-B381-AF697C7FC586}" type="pres">
      <dgm:prSet presAssocID="{9BE93050-AD2F-4F78-8B5B-0D5427677AF9}" presName="connector1" presStyleLbl="sibTrans2D1" presStyleIdx="0" presStyleCnt="3"/>
      <dgm:spPr/>
      <dgm:t>
        <a:bodyPr/>
        <a:lstStyle/>
        <a:p>
          <a:endParaRPr lang="en-GB"/>
        </a:p>
      </dgm:t>
    </dgm:pt>
    <dgm:pt modelId="{F4F7728A-2B0B-4711-9722-16B989DEF782}" type="pres">
      <dgm:prSet presAssocID="{7782D618-A36D-4978-B6FB-560A0FCE330A}" presName="connector2" presStyleLbl="sibTrans2D1" presStyleIdx="1" presStyleCnt="3"/>
      <dgm:spPr/>
      <dgm:t>
        <a:bodyPr/>
        <a:lstStyle/>
        <a:p>
          <a:endParaRPr lang="en-GB"/>
        </a:p>
      </dgm:t>
    </dgm:pt>
    <dgm:pt modelId="{B61AD506-15D1-403F-B44C-788A33C3E5ED}" type="pres">
      <dgm:prSet presAssocID="{17B7CD2F-C508-4196-A4E0-DC0828C91C14}" presName="connector3" presStyleLbl="sibTrans2D1" presStyleIdx="2" presStyleCnt="3"/>
      <dgm:spPr/>
      <dgm:t>
        <a:bodyPr/>
        <a:lstStyle/>
        <a:p>
          <a:endParaRPr lang="en-GB"/>
        </a:p>
      </dgm:t>
    </dgm:pt>
  </dgm:ptLst>
  <dgm:cxnLst>
    <dgm:cxn modelId="{61389E38-0521-4B17-BD79-36D494E28ECE}" type="presOf" srcId="{322763A6-8E99-4DED-8639-A9106C3DA6EE}" destId="{50AB4BBC-6866-45C7-B20E-B4053E68C7EE}" srcOrd="2" destOrd="0" presId="urn:microsoft.com/office/officeart/2005/8/layout/gear1"/>
    <dgm:cxn modelId="{01E61E65-4E0D-40B8-A26D-6790218BE99D}" type="presOf" srcId="{9BE93050-AD2F-4F78-8B5B-0D5427677AF9}" destId="{74EC1DCC-285B-4D33-B381-AF697C7FC586}" srcOrd="0" destOrd="0" presId="urn:microsoft.com/office/officeart/2005/8/layout/gear1"/>
    <dgm:cxn modelId="{2DFB7CAA-D887-4696-8B65-5607BDF49F4D}" type="presOf" srcId="{6CFA9B84-A809-4AEA-94A2-7237B579B510}" destId="{44587622-4342-447F-9FD8-8DA2C5A78402}" srcOrd="2" destOrd="0" presId="urn:microsoft.com/office/officeart/2005/8/layout/gear1"/>
    <dgm:cxn modelId="{AB09FA22-6237-4D2D-A862-E56A1D95F879}" type="presOf" srcId="{1C8FFF1A-4BF8-45B8-B53E-1F88672F0D36}" destId="{E8C98AAD-EDE5-4BB4-81D5-F3604E452F28}" srcOrd="1" destOrd="0" presId="urn:microsoft.com/office/officeart/2005/8/layout/gear1"/>
    <dgm:cxn modelId="{4FD807DD-94EB-4258-B512-24004FD2A0E0}" srcId="{0DD52D85-B8A7-458E-8320-24635F988E95}" destId="{322763A6-8E99-4DED-8639-A9106C3DA6EE}" srcOrd="0" destOrd="0" parTransId="{85278131-706E-4E9C-B21E-73420F84B3D5}" sibTransId="{9BE93050-AD2F-4F78-8B5B-0D5427677AF9}"/>
    <dgm:cxn modelId="{C43862D9-A7E9-4B68-8ECF-D1D0F13AE2B7}" srcId="{0DD52D85-B8A7-458E-8320-24635F988E95}" destId="{6CFA9B84-A809-4AEA-94A2-7237B579B510}" srcOrd="2" destOrd="0" parTransId="{6A15306C-A584-4F12-9910-4ABD93CD6141}" sibTransId="{17B7CD2F-C508-4196-A4E0-DC0828C91C14}"/>
    <dgm:cxn modelId="{00159330-B855-4356-82F4-69261846CD0D}" type="presOf" srcId="{322763A6-8E99-4DED-8639-A9106C3DA6EE}" destId="{16FD2E14-9436-48B2-8A25-2ADB7D3D640B}" srcOrd="1" destOrd="0" presId="urn:microsoft.com/office/officeart/2005/8/layout/gear1"/>
    <dgm:cxn modelId="{C5C22DD6-02D2-4AEA-A731-FAA5DAAF333D}" type="presOf" srcId="{6CFA9B84-A809-4AEA-94A2-7237B579B510}" destId="{8E9D04E7-0410-4060-AA69-63484411EEFF}" srcOrd="1" destOrd="0" presId="urn:microsoft.com/office/officeart/2005/8/layout/gear1"/>
    <dgm:cxn modelId="{AFE68196-FB87-44A6-9BD7-913FD8B2F9F4}" type="presOf" srcId="{7782D618-A36D-4978-B6FB-560A0FCE330A}" destId="{F4F7728A-2B0B-4711-9722-16B989DEF782}" srcOrd="0" destOrd="0" presId="urn:microsoft.com/office/officeart/2005/8/layout/gear1"/>
    <dgm:cxn modelId="{BCFB9DBC-9577-4325-94E7-64751EFCF37B}" type="presOf" srcId="{1C8FFF1A-4BF8-45B8-B53E-1F88672F0D36}" destId="{B77F3359-3135-447F-B651-6333ACDEA58B}" srcOrd="0" destOrd="0" presId="urn:microsoft.com/office/officeart/2005/8/layout/gear1"/>
    <dgm:cxn modelId="{FBA4C1D2-2AD8-4C39-A813-64DC42394B24}" type="presOf" srcId="{17B7CD2F-C508-4196-A4E0-DC0828C91C14}" destId="{B61AD506-15D1-403F-B44C-788A33C3E5ED}" srcOrd="0" destOrd="0" presId="urn:microsoft.com/office/officeart/2005/8/layout/gear1"/>
    <dgm:cxn modelId="{3FD0F083-2585-4083-B866-12D9976F507C}" type="presOf" srcId="{322763A6-8E99-4DED-8639-A9106C3DA6EE}" destId="{19D85A43-4A3B-4CA6-8A67-BE16ACA51E29}" srcOrd="0" destOrd="0" presId="urn:microsoft.com/office/officeart/2005/8/layout/gear1"/>
    <dgm:cxn modelId="{80595F40-592D-423B-B570-59A316D27EA5}" type="presOf" srcId="{0DD52D85-B8A7-458E-8320-24635F988E95}" destId="{3C3A4B9B-2386-4E30-A8AE-2DF8A52C7FAF}" srcOrd="0" destOrd="0" presId="urn:microsoft.com/office/officeart/2005/8/layout/gear1"/>
    <dgm:cxn modelId="{54B6B622-DAAD-4567-A639-AB6E1068439F}" type="presOf" srcId="{6CFA9B84-A809-4AEA-94A2-7237B579B510}" destId="{31D447AD-C80D-4294-A457-DD8B171B3A60}" srcOrd="0" destOrd="0" presId="urn:microsoft.com/office/officeart/2005/8/layout/gear1"/>
    <dgm:cxn modelId="{DCE3897A-8B1B-4686-BD0C-043A24DD8A92}" srcId="{0DD52D85-B8A7-458E-8320-24635F988E95}" destId="{1C8FFF1A-4BF8-45B8-B53E-1F88672F0D36}" srcOrd="1" destOrd="0" parTransId="{FCBF56A5-71A4-445B-8FC1-0C13C817FC9F}" sibTransId="{7782D618-A36D-4978-B6FB-560A0FCE330A}"/>
    <dgm:cxn modelId="{142FF5C5-BDC0-4448-84D9-AA267E6B883A}" type="presOf" srcId="{6CFA9B84-A809-4AEA-94A2-7237B579B510}" destId="{4B0A51B3-18E3-4E50-83D2-BDEA917722A1}" srcOrd="3" destOrd="0" presId="urn:microsoft.com/office/officeart/2005/8/layout/gear1"/>
    <dgm:cxn modelId="{BD0C8486-8D41-4397-8D0D-AC434DA369ED}" type="presOf" srcId="{1C8FFF1A-4BF8-45B8-B53E-1F88672F0D36}" destId="{7D5CA0CF-DF88-4625-96BB-D0B9E15D650D}" srcOrd="2" destOrd="0" presId="urn:microsoft.com/office/officeart/2005/8/layout/gear1"/>
    <dgm:cxn modelId="{393A6E8A-B777-4CA4-A161-8E373CE6279A}" type="presParOf" srcId="{3C3A4B9B-2386-4E30-A8AE-2DF8A52C7FAF}" destId="{19D85A43-4A3B-4CA6-8A67-BE16ACA51E29}" srcOrd="0" destOrd="0" presId="urn:microsoft.com/office/officeart/2005/8/layout/gear1"/>
    <dgm:cxn modelId="{624F5ADF-27E6-480D-B507-85E6E1E6F961}" type="presParOf" srcId="{3C3A4B9B-2386-4E30-A8AE-2DF8A52C7FAF}" destId="{16FD2E14-9436-48B2-8A25-2ADB7D3D640B}" srcOrd="1" destOrd="0" presId="urn:microsoft.com/office/officeart/2005/8/layout/gear1"/>
    <dgm:cxn modelId="{0E2B71A8-7CAA-4F31-9730-2CF88EAB13C9}" type="presParOf" srcId="{3C3A4B9B-2386-4E30-A8AE-2DF8A52C7FAF}" destId="{50AB4BBC-6866-45C7-B20E-B4053E68C7EE}" srcOrd="2" destOrd="0" presId="urn:microsoft.com/office/officeart/2005/8/layout/gear1"/>
    <dgm:cxn modelId="{6834CD87-5D2E-43E7-96C9-38BE6A880851}" type="presParOf" srcId="{3C3A4B9B-2386-4E30-A8AE-2DF8A52C7FAF}" destId="{B77F3359-3135-447F-B651-6333ACDEA58B}" srcOrd="3" destOrd="0" presId="urn:microsoft.com/office/officeart/2005/8/layout/gear1"/>
    <dgm:cxn modelId="{9D80371D-E6B8-4BA8-945A-E9C3967BA278}" type="presParOf" srcId="{3C3A4B9B-2386-4E30-A8AE-2DF8A52C7FAF}" destId="{E8C98AAD-EDE5-4BB4-81D5-F3604E452F28}" srcOrd="4" destOrd="0" presId="urn:microsoft.com/office/officeart/2005/8/layout/gear1"/>
    <dgm:cxn modelId="{38F0A411-4889-4225-AB4C-72BCEB48F11B}" type="presParOf" srcId="{3C3A4B9B-2386-4E30-A8AE-2DF8A52C7FAF}" destId="{7D5CA0CF-DF88-4625-96BB-D0B9E15D650D}" srcOrd="5" destOrd="0" presId="urn:microsoft.com/office/officeart/2005/8/layout/gear1"/>
    <dgm:cxn modelId="{00F78C5A-503F-441E-80C8-54D329C77964}" type="presParOf" srcId="{3C3A4B9B-2386-4E30-A8AE-2DF8A52C7FAF}" destId="{31D447AD-C80D-4294-A457-DD8B171B3A60}" srcOrd="6" destOrd="0" presId="urn:microsoft.com/office/officeart/2005/8/layout/gear1"/>
    <dgm:cxn modelId="{BCB72EAB-F8D5-41B9-B70C-8C65C9F74C5C}" type="presParOf" srcId="{3C3A4B9B-2386-4E30-A8AE-2DF8A52C7FAF}" destId="{8E9D04E7-0410-4060-AA69-63484411EEFF}" srcOrd="7" destOrd="0" presId="urn:microsoft.com/office/officeart/2005/8/layout/gear1"/>
    <dgm:cxn modelId="{F01B564B-7BC5-40FA-B127-5767DAD2BDBD}" type="presParOf" srcId="{3C3A4B9B-2386-4E30-A8AE-2DF8A52C7FAF}" destId="{44587622-4342-447F-9FD8-8DA2C5A78402}" srcOrd="8" destOrd="0" presId="urn:microsoft.com/office/officeart/2005/8/layout/gear1"/>
    <dgm:cxn modelId="{786FB4A3-906F-4E9F-8462-7D363FE99D8A}" type="presParOf" srcId="{3C3A4B9B-2386-4E30-A8AE-2DF8A52C7FAF}" destId="{4B0A51B3-18E3-4E50-83D2-BDEA917722A1}" srcOrd="9" destOrd="0" presId="urn:microsoft.com/office/officeart/2005/8/layout/gear1"/>
    <dgm:cxn modelId="{EC3DFAD4-F714-4D18-BB86-A5C44117D62F}" type="presParOf" srcId="{3C3A4B9B-2386-4E30-A8AE-2DF8A52C7FAF}" destId="{74EC1DCC-285B-4D33-B381-AF697C7FC586}" srcOrd="10" destOrd="0" presId="urn:microsoft.com/office/officeart/2005/8/layout/gear1"/>
    <dgm:cxn modelId="{BE9875B6-98DE-4DF5-9EF3-794F33C1233C}" type="presParOf" srcId="{3C3A4B9B-2386-4E30-A8AE-2DF8A52C7FAF}" destId="{F4F7728A-2B0B-4711-9722-16B989DEF782}" srcOrd="11" destOrd="0" presId="urn:microsoft.com/office/officeart/2005/8/layout/gear1"/>
    <dgm:cxn modelId="{4932B9B4-8F31-4BC3-A5AB-2D2095B64858}" type="presParOf" srcId="{3C3A4B9B-2386-4E30-A8AE-2DF8A52C7FAF}" destId="{B61AD506-15D1-403F-B44C-788A33C3E5ED}" srcOrd="12" destOrd="0" presId="urn:microsoft.com/office/officeart/2005/8/layout/gear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10.xml><?xml version="1.0" encoding="utf-8"?>
<dgm:dataModel xmlns:dgm="http://schemas.openxmlformats.org/drawingml/2006/diagram" xmlns:a="http://schemas.openxmlformats.org/drawingml/2006/main">
  <dgm:ptLst>
    <dgm:pt modelId="{5B9ADB19-93C0-496F-B98E-AD3E0F637033}" type="doc">
      <dgm:prSet loTypeId="urn:microsoft.com/office/officeart/2005/8/layout/balance1" loCatId="relationship" qsTypeId="urn:microsoft.com/office/officeart/2005/8/quickstyle/simple1" qsCatId="simple" csTypeId="urn:microsoft.com/office/officeart/2005/8/colors/accent2_4" csCatId="accent2" phldr="1"/>
      <dgm:spPr/>
      <dgm:t>
        <a:bodyPr/>
        <a:lstStyle/>
        <a:p>
          <a:endParaRPr lang="en-GB"/>
        </a:p>
      </dgm:t>
    </dgm:pt>
    <dgm:pt modelId="{22B05FA9-CC84-4C7D-9166-5E7717E81D3F}">
      <dgm:prSet phldrT="[Text]"/>
      <dgm:spPr/>
      <dgm:t>
        <a:bodyPr/>
        <a:lstStyle/>
        <a:p>
          <a:r>
            <a:rPr lang="en-GB" dirty="0" smtClean="0"/>
            <a:t>No easy answers!</a:t>
          </a:r>
          <a:endParaRPr lang="en-GB" dirty="0"/>
        </a:p>
      </dgm:t>
    </dgm:pt>
    <dgm:pt modelId="{34632229-1B17-4EB9-9936-CF0A6F0A930B}" type="parTrans" cxnId="{FA36AD81-5E63-4CC4-8E4B-1A556033573A}">
      <dgm:prSet/>
      <dgm:spPr/>
      <dgm:t>
        <a:bodyPr/>
        <a:lstStyle/>
        <a:p>
          <a:endParaRPr lang="en-GB"/>
        </a:p>
      </dgm:t>
    </dgm:pt>
    <dgm:pt modelId="{C88E7292-A728-4FA2-9598-97DEA16AAD3B}" type="sibTrans" cxnId="{FA36AD81-5E63-4CC4-8E4B-1A556033573A}">
      <dgm:prSet/>
      <dgm:spPr/>
      <dgm:t>
        <a:bodyPr/>
        <a:lstStyle/>
        <a:p>
          <a:endParaRPr lang="en-GB"/>
        </a:p>
      </dgm:t>
    </dgm:pt>
    <dgm:pt modelId="{DDFA837D-BE9B-4527-83CA-8BD459EEA94A}">
      <dgm:prSet phldrT="[Text]"/>
      <dgm:spPr/>
      <dgm:t>
        <a:bodyPr/>
        <a:lstStyle/>
        <a:p>
          <a:r>
            <a:rPr lang="en-GB" dirty="0" smtClean="0"/>
            <a:t>Copyright?</a:t>
          </a:r>
          <a:endParaRPr lang="en-GB" dirty="0"/>
        </a:p>
      </dgm:t>
    </dgm:pt>
    <dgm:pt modelId="{A44913A8-449D-479C-A368-A0896F344D58}" type="parTrans" cxnId="{18C2DA10-A97D-4820-AE6B-57B930B6994D}">
      <dgm:prSet/>
      <dgm:spPr/>
      <dgm:t>
        <a:bodyPr/>
        <a:lstStyle/>
        <a:p>
          <a:endParaRPr lang="en-GB"/>
        </a:p>
      </dgm:t>
    </dgm:pt>
    <dgm:pt modelId="{D1513D9B-E670-4100-BC8B-577A9F4A5C0B}" type="sibTrans" cxnId="{18C2DA10-A97D-4820-AE6B-57B930B6994D}">
      <dgm:prSet/>
      <dgm:spPr/>
      <dgm:t>
        <a:bodyPr/>
        <a:lstStyle/>
        <a:p>
          <a:endParaRPr lang="en-GB"/>
        </a:p>
      </dgm:t>
    </dgm:pt>
    <dgm:pt modelId="{F4270FD5-A0FA-4887-9F3E-87E95C5353D0}">
      <dgm:prSet phldrT="[Text]"/>
      <dgm:spPr/>
      <dgm:t>
        <a:bodyPr/>
        <a:lstStyle/>
        <a:p>
          <a:r>
            <a:rPr lang="en-GB" dirty="0" smtClean="0"/>
            <a:t>Licensing issues?</a:t>
          </a:r>
          <a:endParaRPr lang="en-GB" dirty="0"/>
        </a:p>
      </dgm:t>
    </dgm:pt>
    <dgm:pt modelId="{6D845B46-440E-49C7-A6F5-1183D4B161D9}" type="parTrans" cxnId="{6F43EF73-A1FC-42BB-AE49-3D6FCC3C7C42}">
      <dgm:prSet/>
      <dgm:spPr/>
      <dgm:t>
        <a:bodyPr/>
        <a:lstStyle/>
        <a:p>
          <a:endParaRPr lang="en-GB"/>
        </a:p>
      </dgm:t>
    </dgm:pt>
    <dgm:pt modelId="{98D73641-5E82-4863-B28E-CB311CAF7668}" type="sibTrans" cxnId="{6F43EF73-A1FC-42BB-AE49-3D6FCC3C7C42}">
      <dgm:prSet/>
      <dgm:spPr/>
      <dgm:t>
        <a:bodyPr/>
        <a:lstStyle/>
        <a:p>
          <a:endParaRPr lang="en-GB"/>
        </a:p>
      </dgm:t>
    </dgm:pt>
    <dgm:pt modelId="{5CD4BA58-7C3C-41EB-9C42-4614B97EED93}">
      <dgm:prSet phldrT="[Text]"/>
      <dgm:spPr/>
      <dgm:t>
        <a:bodyPr/>
        <a:lstStyle/>
        <a:p>
          <a:r>
            <a:rPr lang="en-GB" dirty="0" smtClean="0"/>
            <a:t>Speed of developments</a:t>
          </a:r>
          <a:endParaRPr lang="en-GB" dirty="0"/>
        </a:p>
      </dgm:t>
    </dgm:pt>
    <dgm:pt modelId="{3D85A412-FD1B-4A4F-BB81-BAF0FC74876E}" type="parTrans" cxnId="{C33A0420-8EA6-4907-8A10-5442F746157E}">
      <dgm:prSet/>
      <dgm:spPr/>
      <dgm:t>
        <a:bodyPr/>
        <a:lstStyle/>
        <a:p>
          <a:endParaRPr lang="en-GB"/>
        </a:p>
      </dgm:t>
    </dgm:pt>
    <dgm:pt modelId="{B3690B2E-6487-4D80-B191-1833E3D5B54E}" type="sibTrans" cxnId="{C33A0420-8EA6-4907-8A10-5442F746157E}">
      <dgm:prSet/>
      <dgm:spPr/>
      <dgm:t>
        <a:bodyPr/>
        <a:lstStyle/>
        <a:p>
          <a:endParaRPr lang="en-GB"/>
        </a:p>
      </dgm:t>
    </dgm:pt>
    <dgm:pt modelId="{BE65D0FF-9DD0-4125-8A79-AD44ECF1B209}">
      <dgm:prSet phldrT="[Text]"/>
      <dgm:spPr/>
      <dgm:t>
        <a:bodyPr/>
        <a:lstStyle/>
        <a:p>
          <a:r>
            <a:rPr lang="en-GB" dirty="0" smtClean="0"/>
            <a:t>Fashion</a:t>
          </a:r>
          <a:endParaRPr lang="en-GB" dirty="0"/>
        </a:p>
      </dgm:t>
    </dgm:pt>
    <dgm:pt modelId="{3790689A-22DF-489B-8F31-F2A373EB0561}" type="parTrans" cxnId="{5EF3D7C6-96C3-4141-B425-134F22681F42}">
      <dgm:prSet/>
      <dgm:spPr/>
      <dgm:t>
        <a:bodyPr/>
        <a:lstStyle/>
        <a:p>
          <a:endParaRPr lang="en-GB"/>
        </a:p>
      </dgm:t>
    </dgm:pt>
    <dgm:pt modelId="{49406874-CE88-4BCD-8546-C266316F4CF5}" type="sibTrans" cxnId="{5EF3D7C6-96C3-4141-B425-134F22681F42}">
      <dgm:prSet/>
      <dgm:spPr/>
      <dgm:t>
        <a:bodyPr/>
        <a:lstStyle/>
        <a:p>
          <a:endParaRPr lang="en-GB"/>
        </a:p>
      </dgm:t>
    </dgm:pt>
    <dgm:pt modelId="{7BBBD18E-4741-43AD-AF95-444465CC45B7}">
      <dgm:prSet phldrT="[Text]"/>
      <dgm:spPr/>
      <dgm:t>
        <a:bodyPr/>
        <a:lstStyle/>
        <a:p>
          <a:r>
            <a:rPr lang="en-GB" dirty="0" smtClean="0"/>
            <a:t>How open is your OER?</a:t>
          </a:r>
          <a:endParaRPr lang="en-GB" dirty="0"/>
        </a:p>
      </dgm:t>
    </dgm:pt>
    <dgm:pt modelId="{3B2D5A42-6394-4E7B-AD10-A3A059C506E3}" type="parTrans" cxnId="{786C3847-A9B2-4C3D-AE7F-6BDBD3A5AC7F}">
      <dgm:prSet/>
      <dgm:spPr/>
      <dgm:t>
        <a:bodyPr/>
        <a:lstStyle/>
        <a:p>
          <a:endParaRPr lang="en-GB"/>
        </a:p>
      </dgm:t>
    </dgm:pt>
    <dgm:pt modelId="{D1F968AE-2DFB-481B-A3EE-164471D45B97}" type="sibTrans" cxnId="{786C3847-A9B2-4C3D-AE7F-6BDBD3A5AC7F}">
      <dgm:prSet/>
      <dgm:spPr/>
      <dgm:t>
        <a:bodyPr/>
        <a:lstStyle/>
        <a:p>
          <a:endParaRPr lang="en-GB"/>
        </a:p>
      </dgm:t>
    </dgm:pt>
    <dgm:pt modelId="{D9342BE7-2E83-466F-BD9A-63033C91CA72}">
      <dgm:prSet phldrT="[Text]"/>
      <dgm:spPr/>
      <dgm:t>
        <a:bodyPr/>
        <a:lstStyle/>
        <a:p>
          <a:r>
            <a:rPr lang="en-GB" dirty="0" smtClean="0"/>
            <a:t>Presentation systems?</a:t>
          </a:r>
          <a:endParaRPr lang="en-GB" dirty="0"/>
        </a:p>
      </dgm:t>
    </dgm:pt>
    <dgm:pt modelId="{1E4F4505-9B57-4ABC-8DCB-F96827248153}" type="parTrans" cxnId="{A96F2B01-A311-4EF5-B21B-12157F5DBE1D}">
      <dgm:prSet/>
      <dgm:spPr/>
      <dgm:t>
        <a:bodyPr/>
        <a:lstStyle/>
        <a:p>
          <a:endParaRPr lang="en-GB"/>
        </a:p>
      </dgm:t>
    </dgm:pt>
    <dgm:pt modelId="{603692A7-55A5-4BB9-B45D-A59387891408}" type="sibTrans" cxnId="{A96F2B01-A311-4EF5-B21B-12157F5DBE1D}">
      <dgm:prSet/>
      <dgm:spPr/>
      <dgm:t>
        <a:bodyPr/>
        <a:lstStyle/>
        <a:p>
          <a:endParaRPr lang="en-GB"/>
        </a:p>
      </dgm:t>
    </dgm:pt>
    <dgm:pt modelId="{C4344437-80DA-414C-BFAC-33D24872F44A}" type="pres">
      <dgm:prSet presAssocID="{5B9ADB19-93C0-496F-B98E-AD3E0F637033}" presName="outerComposite" presStyleCnt="0">
        <dgm:presLayoutVars>
          <dgm:chMax val="2"/>
          <dgm:animLvl val="lvl"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C0A1447B-B47F-4C46-90A8-A409C6757700}" type="pres">
      <dgm:prSet presAssocID="{5B9ADB19-93C0-496F-B98E-AD3E0F637033}" presName="dummyMaxCanvas" presStyleCnt="0"/>
      <dgm:spPr/>
      <dgm:t>
        <a:bodyPr/>
        <a:lstStyle/>
        <a:p>
          <a:endParaRPr lang="en-GB"/>
        </a:p>
      </dgm:t>
    </dgm:pt>
    <dgm:pt modelId="{C72F3FF6-2849-4DF3-9D7B-CBE7D47670E6}" type="pres">
      <dgm:prSet presAssocID="{5B9ADB19-93C0-496F-B98E-AD3E0F637033}" presName="parentComposite" presStyleCnt="0"/>
      <dgm:spPr/>
      <dgm:t>
        <a:bodyPr/>
        <a:lstStyle/>
        <a:p>
          <a:endParaRPr lang="en-GB"/>
        </a:p>
      </dgm:t>
    </dgm:pt>
    <dgm:pt modelId="{FA565DBF-CA82-4C98-88B8-4709DD35B373}" type="pres">
      <dgm:prSet presAssocID="{5B9ADB19-93C0-496F-B98E-AD3E0F637033}" presName="parent1" presStyleLbl="alignAccFollowNode1" presStyleIdx="0" presStyleCnt="4" custLinFactNeighborX="5240" custLinFactNeighborY="14672">
        <dgm:presLayoutVars>
          <dgm:chMax val="4"/>
        </dgm:presLayoutVars>
      </dgm:prSet>
      <dgm:spPr/>
      <dgm:t>
        <a:bodyPr/>
        <a:lstStyle/>
        <a:p>
          <a:endParaRPr lang="en-GB"/>
        </a:p>
      </dgm:t>
    </dgm:pt>
    <dgm:pt modelId="{D00077E4-31A6-4E0B-8C43-EB395BAC19ED}" type="pres">
      <dgm:prSet presAssocID="{5B9ADB19-93C0-496F-B98E-AD3E0F637033}" presName="parent2" presStyleLbl="alignAccFollowNode1" presStyleIdx="1" presStyleCnt="4" custLinFactNeighborX="-42" custLinFactNeighborY="14672">
        <dgm:presLayoutVars>
          <dgm:chMax val="4"/>
        </dgm:presLayoutVars>
      </dgm:prSet>
      <dgm:spPr/>
      <dgm:t>
        <a:bodyPr/>
        <a:lstStyle/>
        <a:p>
          <a:endParaRPr lang="en-GB"/>
        </a:p>
      </dgm:t>
    </dgm:pt>
    <dgm:pt modelId="{FF107BCF-F6BA-45A1-8029-66D67DC96386}" type="pres">
      <dgm:prSet presAssocID="{5B9ADB19-93C0-496F-B98E-AD3E0F637033}" presName="childrenComposite" presStyleCnt="0"/>
      <dgm:spPr/>
      <dgm:t>
        <a:bodyPr/>
        <a:lstStyle/>
        <a:p>
          <a:endParaRPr lang="en-GB"/>
        </a:p>
      </dgm:t>
    </dgm:pt>
    <dgm:pt modelId="{B49C5D91-0B76-4B8D-B8C0-DCC862AE5D68}" type="pres">
      <dgm:prSet presAssocID="{5B9ADB19-93C0-496F-B98E-AD3E0F637033}" presName="dummyMaxCanvas_ChildArea" presStyleCnt="0"/>
      <dgm:spPr/>
      <dgm:t>
        <a:bodyPr/>
        <a:lstStyle/>
        <a:p>
          <a:endParaRPr lang="en-GB"/>
        </a:p>
      </dgm:t>
    </dgm:pt>
    <dgm:pt modelId="{B89B190F-7E71-4FF6-B07A-2DF12ABD2B45}" type="pres">
      <dgm:prSet presAssocID="{5B9ADB19-93C0-496F-B98E-AD3E0F637033}" presName="fulcrum" presStyleLbl="alignAccFollowNode1" presStyleIdx="2" presStyleCnt="4"/>
      <dgm:spPr/>
      <dgm:t>
        <a:bodyPr/>
        <a:lstStyle/>
        <a:p>
          <a:endParaRPr lang="en-GB"/>
        </a:p>
      </dgm:t>
    </dgm:pt>
    <dgm:pt modelId="{2187CAC3-F1C8-4282-80E7-927355252747}" type="pres">
      <dgm:prSet presAssocID="{5B9ADB19-93C0-496F-B98E-AD3E0F637033}" presName="balance_23" presStyleLbl="alignAccFollowNode1" presStyleIdx="3" presStyleCnt="4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C8BCF31E-824E-4349-BF58-5634ACF0F811}" type="pres">
      <dgm:prSet presAssocID="{5B9ADB19-93C0-496F-B98E-AD3E0F637033}" presName="right_23_1" presStyleLbl="node1" presStyleIdx="0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86EA89B8-AC15-4D87-BCFF-9F765D477194}" type="pres">
      <dgm:prSet presAssocID="{5B9ADB19-93C0-496F-B98E-AD3E0F637033}" presName="right_23_2" presStyleLbl="node1" presStyleIdx="1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827EA803-D04C-4A1B-86A0-0884678A1DBF}" type="pres">
      <dgm:prSet presAssocID="{5B9ADB19-93C0-496F-B98E-AD3E0F637033}" presName="right_23_3" presStyleLbl="node1" presStyleIdx="2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9AC43730-3AAB-4A78-A27F-249830460E52}" type="pres">
      <dgm:prSet presAssocID="{5B9ADB19-93C0-496F-B98E-AD3E0F637033}" presName="left_23_1" presStyleLbl="node1" presStyleIdx="3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D5834EC2-FEE1-45EC-9948-3D141635CA5C}" type="pres">
      <dgm:prSet presAssocID="{5B9ADB19-93C0-496F-B98E-AD3E0F637033}" presName="left_23_2" presStyleLbl="node1" presStyleIdx="4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6F43EF73-A1FC-42BB-AE49-3D6FCC3C7C42}" srcId="{22B05FA9-CC84-4C7D-9166-5E7717E81D3F}" destId="{F4270FD5-A0FA-4887-9F3E-87E95C5353D0}" srcOrd="1" destOrd="0" parTransId="{6D845B46-440E-49C7-A6F5-1183D4B161D9}" sibTransId="{98D73641-5E82-4863-B28E-CB311CAF7668}"/>
    <dgm:cxn modelId="{FF2B324F-4C7E-4FC3-8AEE-CFA4A643807F}" type="presOf" srcId="{5CD4BA58-7C3C-41EB-9C42-4614B97EED93}" destId="{D00077E4-31A6-4E0B-8C43-EB395BAC19ED}" srcOrd="0" destOrd="0" presId="urn:microsoft.com/office/officeart/2005/8/layout/balance1"/>
    <dgm:cxn modelId="{786C3847-A9B2-4C3D-AE7F-6BDBD3A5AC7F}" srcId="{5CD4BA58-7C3C-41EB-9C42-4614B97EED93}" destId="{7BBBD18E-4741-43AD-AF95-444465CC45B7}" srcOrd="1" destOrd="0" parTransId="{3B2D5A42-6394-4E7B-AD10-A3A059C506E3}" sibTransId="{D1F968AE-2DFB-481B-A3EE-164471D45B97}"/>
    <dgm:cxn modelId="{C33A0420-8EA6-4907-8A10-5442F746157E}" srcId="{5B9ADB19-93C0-496F-B98E-AD3E0F637033}" destId="{5CD4BA58-7C3C-41EB-9C42-4614B97EED93}" srcOrd="1" destOrd="0" parTransId="{3D85A412-FD1B-4A4F-BB81-BAF0FC74876E}" sibTransId="{B3690B2E-6487-4D80-B191-1833E3D5B54E}"/>
    <dgm:cxn modelId="{9BE96582-EE04-4ADF-904F-5621667EE5AC}" type="presOf" srcId="{BE65D0FF-9DD0-4125-8A79-AD44ECF1B209}" destId="{C8BCF31E-824E-4349-BF58-5634ACF0F811}" srcOrd="0" destOrd="0" presId="urn:microsoft.com/office/officeart/2005/8/layout/balance1"/>
    <dgm:cxn modelId="{CB7D7F42-2C1F-4E74-9B77-1873D9174E18}" type="presOf" srcId="{5B9ADB19-93C0-496F-B98E-AD3E0F637033}" destId="{C4344437-80DA-414C-BFAC-33D24872F44A}" srcOrd="0" destOrd="0" presId="urn:microsoft.com/office/officeart/2005/8/layout/balance1"/>
    <dgm:cxn modelId="{0AC9E80E-5430-44FC-8086-FF8E028CC9BD}" type="presOf" srcId="{22B05FA9-CC84-4C7D-9166-5E7717E81D3F}" destId="{FA565DBF-CA82-4C98-88B8-4709DD35B373}" srcOrd="0" destOrd="0" presId="urn:microsoft.com/office/officeart/2005/8/layout/balance1"/>
    <dgm:cxn modelId="{2A347DD4-FC9E-4629-9311-E2945013D2F5}" type="presOf" srcId="{DDFA837D-BE9B-4527-83CA-8BD459EEA94A}" destId="{9AC43730-3AAB-4A78-A27F-249830460E52}" srcOrd="0" destOrd="0" presId="urn:microsoft.com/office/officeart/2005/8/layout/balance1"/>
    <dgm:cxn modelId="{9AD74003-B083-451B-A5DC-E1D3A784FB1D}" type="presOf" srcId="{D9342BE7-2E83-466F-BD9A-63033C91CA72}" destId="{827EA803-D04C-4A1B-86A0-0884678A1DBF}" srcOrd="0" destOrd="0" presId="urn:microsoft.com/office/officeart/2005/8/layout/balance1"/>
    <dgm:cxn modelId="{566BB73B-C3E3-4E2B-97C3-14BDEEA98ADE}" type="presOf" srcId="{F4270FD5-A0FA-4887-9F3E-87E95C5353D0}" destId="{D5834EC2-FEE1-45EC-9948-3D141635CA5C}" srcOrd="0" destOrd="0" presId="urn:microsoft.com/office/officeart/2005/8/layout/balance1"/>
    <dgm:cxn modelId="{18C2DA10-A97D-4820-AE6B-57B930B6994D}" srcId="{22B05FA9-CC84-4C7D-9166-5E7717E81D3F}" destId="{DDFA837D-BE9B-4527-83CA-8BD459EEA94A}" srcOrd="0" destOrd="0" parTransId="{A44913A8-449D-479C-A368-A0896F344D58}" sibTransId="{D1513D9B-E670-4100-BC8B-577A9F4A5C0B}"/>
    <dgm:cxn modelId="{5EF3D7C6-96C3-4141-B425-134F22681F42}" srcId="{5CD4BA58-7C3C-41EB-9C42-4614B97EED93}" destId="{BE65D0FF-9DD0-4125-8A79-AD44ECF1B209}" srcOrd="0" destOrd="0" parTransId="{3790689A-22DF-489B-8F31-F2A373EB0561}" sibTransId="{49406874-CE88-4BCD-8546-C266316F4CF5}"/>
    <dgm:cxn modelId="{1A8CF2EC-2457-49E4-AE9B-2034F233C551}" type="presOf" srcId="{7BBBD18E-4741-43AD-AF95-444465CC45B7}" destId="{86EA89B8-AC15-4D87-BCFF-9F765D477194}" srcOrd="0" destOrd="0" presId="urn:microsoft.com/office/officeart/2005/8/layout/balance1"/>
    <dgm:cxn modelId="{A96F2B01-A311-4EF5-B21B-12157F5DBE1D}" srcId="{5CD4BA58-7C3C-41EB-9C42-4614B97EED93}" destId="{D9342BE7-2E83-466F-BD9A-63033C91CA72}" srcOrd="2" destOrd="0" parTransId="{1E4F4505-9B57-4ABC-8DCB-F96827248153}" sibTransId="{603692A7-55A5-4BB9-B45D-A59387891408}"/>
    <dgm:cxn modelId="{FA36AD81-5E63-4CC4-8E4B-1A556033573A}" srcId="{5B9ADB19-93C0-496F-B98E-AD3E0F637033}" destId="{22B05FA9-CC84-4C7D-9166-5E7717E81D3F}" srcOrd="0" destOrd="0" parTransId="{34632229-1B17-4EB9-9936-CF0A6F0A930B}" sibTransId="{C88E7292-A728-4FA2-9598-97DEA16AAD3B}"/>
    <dgm:cxn modelId="{067D75FF-F7F5-4B11-AB86-F4C5ACD484EF}" type="presParOf" srcId="{C4344437-80DA-414C-BFAC-33D24872F44A}" destId="{C0A1447B-B47F-4C46-90A8-A409C6757700}" srcOrd="0" destOrd="0" presId="urn:microsoft.com/office/officeart/2005/8/layout/balance1"/>
    <dgm:cxn modelId="{61655E85-42A3-49F8-BC41-8E84C54865DA}" type="presParOf" srcId="{C4344437-80DA-414C-BFAC-33D24872F44A}" destId="{C72F3FF6-2849-4DF3-9D7B-CBE7D47670E6}" srcOrd="1" destOrd="0" presId="urn:microsoft.com/office/officeart/2005/8/layout/balance1"/>
    <dgm:cxn modelId="{54BD2BDD-5FD3-43BB-AD1F-225D77E38BA7}" type="presParOf" srcId="{C72F3FF6-2849-4DF3-9D7B-CBE7D47670E6}" destId="{FA565DBF-CA82-4C98-88B8-4709DD35B373}" srcOrd="0" destOrd="0" presId="urn:microsoft.com/office/officeart/2005/8/layout/balance1"/>
    <dgm:cxn modelId="{D1E9B7C6-0ADE-4B84-A52A-566C4AE1327E}" type="presParOf" srcId="{C72F3FF6-2849-4DF3-9D7B-CBE7D47670E6}" destId="{D00077E4-31A6-4E0B-8C43-EB395BAC19ED}" srcOrd="1" destOrd="0" presId="urn:microsoft.com/office/officeart/2005/8/layout/balance1"/>
    <dgm:cxn modelId="{3B08CDFC-8A57-46BB-BDB8-5F7EF1AAC3F1}" type="presParOf" srcId="{C4344437-80DA-414C-BFAC-33D24872F44A}" destId="{FF107BCF-F6BA-45A1-8029-66D67DC96386}" srcOrd="2" destOrd="0" presId="urn:microsoft.com/office/officeart/2005/8/layout/balance1"/>
    <dgm:cxn modelId="{86DC1F38-80B5-4BB5-85C5-862CA680D0B7}" type="presParOf" srcId="{FF107BCF-F6BA-45A1-8029-66D67DC96386}" destId="{B49C5D91-0B76-4B8D-B8C0-DCC862AE5D68}" srcOrd="0" destOrd="0" presId="urn:microsoft.com/office/officeart/2005/8/layout/balance1"/>
    <dgm:cxn modelId="{4915E5BA-1A8C-4193-9A7B-41E5001EFF6C}" type="presParOf" srcId="{FF107BCF-F6BA-45A1-8029-66D67DC96386}" destId="{B89B190F-7E71-4FF6-B07A-2DF12ABD2B45}" srcOrd="1" destOrd="0" presId="urn:microsoft.com/office/officeart/2005/8/layout/balance1"/>
    <dgm:cxn modelId="{4B9F421A-F511-4420-A26D-EEFF36C817A5}" type="presParOf" srcId="{FF107BCF-F6BA-45A1-8029-66D67DC96386}" destId="{2187CAC3-F1C8-4282-80E7-927355252747}" srcOrd="2" destOrd="0" presId="urn:microsoft.com/office/officeart/2005/8/layout/balance1"/>
    <dgm:cxn modelId="{1ABAA273-6B4A-4009-9866-A96DF4468FFC}" type="presParOf" srcId="{FF107BCF-F6BA-45A1-8029-66D67DC96386}" destId="{C8BCF31E-824E-4349-BF58-5634ACF0F811}" srcOrd="3" destOrd="0" presId="urn:microsoft.com/office/officeart/2005/8/layout/balance1"/>
    <dgm:cxn modelId="{568B46D2-75AE-4913-B6FC-03E47343FE56}" type="presParOf" srcId="{FF107BCF-F6BA-45A1-8029-66D67DC96386}" destId="{86EA89B8-AC15-4D87-BCFF-9F765D477194}" srcOrd="4" destOrd="0" presId="urn:microsoft.com/office/officeart/2005/8/layout/balance1"/>
    <dgm:cxn modelId="{48485799-71A2-4935-BC7A-CD6000CAB028}" type="presParOf" srcId="{FF107BCF-F6BA-45A1-8029-66D67DC96386}" destId="{827EA803-D04C-4A1B-86A0-0884678A1DBF}" srcOrd="5" destOrd="0" presId="urn:microsoft.com/office/officeart/2005/8/layout/balance1"/>
    <dgm:cxn modelId="{29063B6C-718C-4A79-AFB8-1F3E0360761F}" type="presParOf" srcId="{FF107BCF-F6BA-45A1-8029-66D67DC96386}" destId="{9AC43730-3AAB-4A78-A27F-249830460E52}" srcOrd="6" destOrd="0" presId="urn:microsoft.com/office/officeart/2005/8/layout/balance1"/>
    <dgm:cxn modelId="{20D9B373-3B42-4B07-BD43-0BC3FF8998F7}" type="presParOf" srcId="{FF107BCF-F6BA-45A1-8029-66D67DC96386}" destId="{D5834EC2-FEE1-45EC-9948-3D141635CA5C}" srcOrd="7" destOrd="0" presId="urn:microsoft.com/office/officeart/2005/8/layout/balance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3CDA4D04-F7A2-4CC9-BEC0-1A7346F42B92}" type="doc">
      <dgm:prSet loTypeId="urn:microsoft.com/office/officeart/2005/8/layout/pyramid2" loCatId="list" qsTypeId="urn:microsoft.com/office/officeart/2005/8/quickstyle/3d2" qsCatId="3D" csTypeId="urn:microsoft.com/office/officeart/2005/8/colors/colorful2" csCatId="colorful" phldr="1"/>
      <dgm:spPr/>
      <dgm:t>
        <a:bodyPr/>
        <a:lstStyle/>
        <a:p>
          <a:endParaRPr lang="en-GB"/>
        </a:p>
      </dgm:t>
    </dgm:pt>
    <dgm:pt modelId="{04E0D737-7B11-4212-BC6B-869FDCE637DD}">
      <dgm:prSet custT="1"/>
      <dgm:spPr/>
      <dgm:t>
        <a:bodyPr/>
        <a:lstStyle/>
        <a:p>
          <a:pPr rtl="0"/>
          <a:r>
            <a:rPr lang="en-GB" sz="2000" baseline="0" dirty="0" smtClean="0"/>
            <a:t>Market scan or literature review </a:t>
          </a:r>
          <a:endParaRPr lang="en-GB" sz="2000" dirty="0"/>
        </a:p>
      </dgm:t>
    </dgm:pt>
    <dgm:pt modelId="{C6DC4681-B5B8-437B-B32F-CD34D6EB62C5}" type="parTrans" cxnId="{63303010-4491-4601-A9FC-BEBA1615CB13}">
      <dgm:prSet/>
      <dgm:spPr/>
      <dgm:t>
        <a:bodyPr/>
        <a:lstStyle/>
        <a:p>
          <a:endParaRPr lang="en-GB"/>
        </a:p>
      </dgm:t>
    </dgm:pt>
    <dgm:pt modelId="{4C643123-33F3-46F3-87EB-A14BCA0C6028}" type="sibTrans" cxnId="{63303010-4491-4601-A9FC-BEBA1615CB13}">
      <dgm:prSet/>
      <dgm:spPr/>
      <dgm:t>
        <a:bodyPr/>
        <a:lstStyle/>
        <a:p>
          <a:endParaRPr lang="en-GB"/>
        </a:p>
      </dgm:t>
    </dgm:pt>
    <dgm:pt modelId="{B195F612-BE2A-4C79-9490-7C349CF88B5E}">
      <dgm:prSet custT="1"/>
      <dgm:spPr/>
      <dgm:t>
        <a:bodyPr/>
        <a:lstStyle/>
        <a:p>
          <a:pPr rtl="0"/>
          <a:r>
            <a:rPr lang="en-GB" sz="2000" baseline="0" dirty="0" smtClean="0"/>
            <a:t>Planning: design and project management</a:t>
          </a:r>
          <a:endParaRPr lang="en-GB" sz="2000" dirty="0"/>
        </a:p>
      </dgm:t>
    </dgm:pt>
    <dgm:pt modelId="{3BDB7D68-3529-4995-9B55-F5327CD79696}" type="parTrans" cxnId="{A8D5B14A-24A8-463F-9E50-F9B35E25472E}">
      <dgm:prSet/>
      <dgm:spPr/>
      <dgm:t>
        <a:bodyPr/>
        <a:lstStyle/>
        <a:p>
          <a:endParaRPr lang="en-GB"/>
        </a:p>
      </dgm:t>
    </dgm:pt>
    <dgm:pt modelId="{A642E464-4A2B-49D3-A9DF-85A742E71B3D}" type="sibTrans" cxnId="{A8D5B14A-24A8-463F-9E50-F9B35E25472E}">
      <dgm:prSet/>
      <dgm:spPr/>
      <dgm:t>
        <a:bodyPr/>
        <a:lstStyle/>
        <a:p>
          <a:endParaRPr lang="en-GB"/>
        </a:p>
      </dgm:t>
    </dgm:pt>
    <dgm:pt modelId="{39389D1A-DA07-4ADA-9E2D-EBC47F32F0EB}">
      <dgm:prSet custT="1"/>
      <dgm:spPr/>
      <dgm:t>
        <a:bodyPr/>
        <a:lstStyle/>
        <a:p>
          <a:pPr rtl="0"/>
          <a:r>
            <a:rPr lang="en-GB" sz="2000" baseline="0" dirty="0" smtClean="0"/>
            <a:t>IL frameworks</a:t>
          </a:r>
          <a:endParaRPr lang="en-GB" sz="2000" dirty="0"/>
        </a:p>
      </dgm:t>
    </dgm:pt>
    <dgm:pt modelId="{C9F1E315-8DE2-4541-9EED-8286E95FCB63}" type="parTrans" cxnId="{85147A48-5E86-4590-B763-C4EC26BEC1FF}">
      <dgm:prSet/>
      <dgm:spPr/>
      <dgm:t>
        <a:bodyPr/>
        <a:lstStyle/>
        <a:p>
          <a:endParaRPr lang="en-GB"/>
        </a:p>
      </dgm:t>
    </dgm:pt>
    <dgm:pt modelId="{3EB0A01D-2CCF-4C2D-8550-E4E3350353F1}" type="sibTrans" cxnId="{85147A48-5E86-4590-B763-C4EC26BEC1FF}">
      <dgm:prSet/>
      <dgm:spPr/>
      <dgm:t>
        <a:bodyPr/>
        <a:lstStyle/>
        <a:p>
          <a:endParaRPr lang="en-GB"/>
        </a:p>
      </dgm:t>
    </dgm:pt>
    <dgm:pt modelId="{9C5115FB-A298-4F0D-96F8-B00D4DE77672}">
      <dgm:prSet custT="1"/>
      <dgm:spPr/>
      <dgm:t>
        <a:bodyPr/>
        <a:lstStyle/>
        <a:p>
          <a:pPr rtl="0"/>
          <a:r>
            <a:rPr lang="en-GB" sz="2000" baseline="0" dirty="0" smtClean="0"/>
            <a:t>Development software</a:t>
          </a:r>
          <a:endParaRPr lang="en-GB" sz="2000" dirty="0"/>
        </a:p>
      </dgm:t>
    </dgm:pt>
    <dgm:pt modelId="{6383ACF3-C24B-432D-93C7-598691401B02}" type="parTrans" cxnId="{A22D0352-8965-4683-8591-5F99F93ACEC1}">
      <dgm:prSet/>
      <dgm:spPr/>
      <dgm:t>
        <a:bodyPr/>
        <a:lstStyle/>
        <a:p>
          <a:endParaRPr lang="en-GB"/>
        </a:p>
      </dgm:t>
    </dgm:pt>
    <dgm:pt modelId="{EBEE3965-2D5F-4181-A88F-1E8434D57587}" type="sibTrans" cxnId="{A22D0352-8965-4683-8591-5F99F93ACEC1}">
      <dgm:prSet/>
      <dgm:spPr/>
      <dgm:t>
        <a:bodyPr/>
        <a:lstStyle/>
        <a:p>
          <a:endParaRPr lang="en-GB"/>
        </a:p>
      </dgm:t>
    </dgm:pt>
    <dgm:pt modelId="{38CD01A5-562A-4D1B-B3E3-9AB800FB1745}">
      <dgm:prSet custT="1"/>
      <dgm:spPr/>
      <dgm:t>
        <a:bodyPr/>
        <a:lstStyle/>
        <a:p>
          <a:pPr rtl="0"/>
          <a:r>
            <a:rPr lang="en-GB" sz="2000" baseline="0" dirty="0" smtClean="0"/>
            <a:t>Hardware and delivery methods</a:t>
          </a:r>
          <a:endParaRPr lang="en-GB" sz="2000" dirty="0"/>
        </a:p>
      </dgm:t>
    </dgm:pt>
    <dgm:pt modelId="{B5C57C9C-D55A-4CF6-B34E-48E907C9C164}" type="parTrans" cxnId="{7AB2F6CC-B2BA-4FBC-93D7-60C2D6C31E9E}">
      <dgm:prSet/>
      <dgm:spPr/>
      <dgm:t>
        <a:bodyPr/>
        <a:lstStyle/>
        <a:p>
          <a:endParaRPr lang="en-GB"/>
        </a:p>
      </dgm:t>
    </dgm:pt>
    <dgm:pt modelId="{DFD64AE6-7F35-45F3-8F6C-35B9C2C9EA28}" type="sibTrans" cxnId="{7AB2F6CC-B2BA-4FBC-93D7-60C2D6C31E9E}">
      <dgm:prSet/>
      <dgm:spPr/>
      <dgm:t>
        <a:bodyPr/>
        <a:lstStyle/>
        <a:p>
          <a:endParaRPr lang="en-GB"/>
        </a:p>
      </dgm:t>
    </dgm:pt>
    <dgm:pt modelId="{F802461E-7676-4564-89AF-8E087D38E123}">
      <dgm:prSet custT="1"/>
      <dgm:spPr/>
      <dgm:t>
        <a:bodyPr/>
        <a:lstStyle/>
        <a:p>
          <a:pPr rtl="0"/>
          <a:r>
            <a:rPr lang="en-GB" sz="2000" baseline="0" dirty="0" smtClean="0"/>
            <a:t>Testing and piloting </a:t>
          </a:r>
          <a:endParaRPr lang="en-GB" sz="2000" dirty="0"/>
        </a:p>
      </dgm:t>
    </dgm:pt>
    <dgm:pt modelId="{E268D571-E154-4560-9918-0DA95C10C797}" type="parTrans" cxnId="{B88CD157-CEBB-449F-92AD-21345226948C}">
      <dgm:prSet/>
      <dgm:spPr/>
      <dgm:t>
        <a:bodyPr/>
        <a:lstStyle/>
        <a:p>
          <a:endParaRPr lang="en-GB"/>
        </a:p>
      </dgm:t>
    </dgm:pt>
    <dgm:pt modelId="{AE85ED81-6094-4DBE-ABE4-2FF6096FE2BB}" type="sibTrans" cxnId="{B88CD157-CEBB-449F-92AD-21345226948C}">
      <dgm:prSet/>
      <dgm:spPr/>
      <dgm:t>
        <a:bodyPr/>
        <a:lstStyle/>
        <a:p>
          <a:endParaRPr lang="en-GB"/>
        </a:p>
      </dgm:t>
    </dgm:pt>
    <dgm:pt modelId="{3289AE2F-1B1A-4C34-AE78-0F63E70085AE}">
      <dgm:prSet custT="1"/>
      <dgm:spPr/>
      <dgm:t>
        <a:bodyPr/>
        <a:lstStyle/>
        <a:p>
          <a:pPr rtl="0"/>
          <a:r>
            <a:rPr lang="en-GB" sz="2000" baseline="0" dirty="0" smtClean="0"/>
            <a:t>Teaching: timetabling and delivery </a:t>
          </a:r>
          <a:endParaRPr lang="en-GB" sz="2000" dirty="0"/>
        </a:p>
      </dgm:t>
    </dgm:pt>
    <dgm:pt modelId="{0F681000-A89A-49E0-A723-675A19A7FEB7}" type="parTrans" cxnId="{27960DE9-205F-4542-893C-6C2A79E704C6}">
      <dgm:prSet/>
      <dgm:spPr/>
      <dgm:t>
        <a:bodyPr/>
        <a:lstStyle/>
        <a:p>
          <a:endParaRPr lang="en-GB"/>
        </a:p>
      </dgm:t>
    </dgm:pt>
    <dgm:pt modelId="{FB57F070-98E0-4A60-B7C6-5E03B3DD0BEB}" type="sibTrans" cxnId="{27960DE9-205F-4542-893C-6C2A79E704C6}">
      <dgm:prSet/>
      <dgm:spPr/>
      <dgm:t>
        <a:bodyPr/>
        <a:lstStyle/>
        <a:p>
          <a:endParaRPr lang="en-GB"/>
        </a:p>
      </dgm:t>
    </dgm:pt>
    <dgm:pt modelId="{0A3DB089-6997-4ADF-9D35-5F24A95D432F}">
      <dgm:prSet custT="1"/>
      <dgm:spPr/>
      <dgm:t>
        <a:bodyPr/>
        <a:lstStyle/>
        <a:p>
          <a:pPr rtl="0"/>
          <a:r>
            <a:rPr lang="en-GB" sz="2000" baseline="0" dirty="0" smtClean="0"/>
            <a:t>Futureproofing</a:t>
          </a:r>
          <a:endParaRPr lang="en-GB" sz="2000" dirty="0"/>
        </a:p>
      </dgm:t>
    </dgm:pt>
    <dgm:pt modelId="{C19FF36B-98FD-463E-B8DE-8FC4C6EB7CE5}" type="parTrans" cxnId="{E252DA67-31E9-4DEF-8925-4544597D6B08}">
      <dgm:prSet/>
      <dgm:spPr/>
      <dgm:t>
        <a:bodyPr/>
        <a:lstStyle/>
        <a:p>
          <a:endParaRPr lang="en-GB"/>
        </a:p>
      </dgm:t>
    </dgm:pt>
    <dgm:pt modelId="{1F892103-2414-42F8-B43C-B97FFF6824C3}" type="sibTrans" cxnId="{E252DA67-31E9-4DEF-8925-4544597D6B08}">
      <dgm:prSet/>
      <dgm:spPr/>
      <dgm:t>
        <a:bodyPr/>
        <a:lstStyle/>
        <a:p>
          <a:endParaRPr lang="en-GB"/>
        </a:p>
      </dgm:t>
    </dgm:pt>
    <dgm:pt modelId="{970010CC-DD26-40E5-BFCD-AA1CF1BE47FD}" type="pres">
      <dgm:prSet presAssocID="{3CDA4D04-F7A2-4CC9-BEC0-1A7346F42B92}" presName="compositeShape" presStyleCnt="0">
        <dgm:presLayoutVars>
          <dgm:dir/>
          <dgm:resizeHandles/>
        </dgm:presLayoutVars>
      </dgm:prSet>
      <dgm:spPr/>
      <dgm:t>
        <a:bodyPr/>
        <a:lstStyle/>
        <a:p>
          <a:endParaRPr lang="en-GB"/>
        </a:p>
      </dgm:t>
    </dgm:pt>
    <dgm:pt modelId="{54841AF5-A26E-4860-940E-F948E948BE39}" type="pres">
      <dgm:prSet presAssocID="{3CDA4D04-F7A2-4CC9-BEC0-1A7346F42B92}" presName="pyramid" presStyleLbl="node1" presStyleIdx="0" presStyleCnt="1"/>
      <dgm:spPr/>
    </dgm:pt>
    <dgm:pt modelId="{7A7A14AD-BCD2-4830-9756-5052C87867F1}" type="pres">
      <dgm:prSet presAssocID="{3CDA4D04-F7A2-4CC9-BEC0-1A7346F42B92}" presName="theList" presStyleCnt="0"/>
      <dgm:spPr/>
    </dgm:pt>
    <dgm:pt modelId="{4897C8C2-4B06-4F2A-BCF7-590B1ABA9209}" type="pres">
      <dgm:prSet presAssocID="{04E0D737-7B11-4212-BC6B-869FDCE637DD}" presName="aNode" presStyleLbl="fgAcc1" presStyleIdx="0" presStyleCnt="8" custScaleX="16442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06EF180-A822-40B8-A18A-B5FEB1AB860B}" type="pres">
      <dgm:prSet presAssocID="{04E0D737-7B11-4212-BC6B-869FDCE637DD}" presName="aSpace" presStyleCnt="0"/>
      <dgm:spPr/>
    </dgm:pt>
    <dgm:pt modelId="{A573B83C-5687-4A90-9D9F-0592C8B85BB9}" type="pres">
      <dgm:prSet presAssocID="{B195F612-BE2A-4C79-9490-7C349CF88B5E}" presName="aNode" presStyleLbl="fgAcc1" presStyleIdx="1" presStyleCnt="8" custScaleX="164041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4827EE64-E6AD-49E8-9861-FAC388004862}" type="pres">
      <dgm:prSet presAssocID="{B195F612-BE2A-4C79-9490-7C349CF88B5E}" presName="aSpace" presStyleCnt="0"/>
      <dgm:spPr/>
    </dgm:pt>
    <dgm:pt modelId="{34EEC0DE-9595-410F-BE0C-B3FC5C63AC0F}" type="pres">
      <dgm:prSet presAssocID="{39389D1A-DA07-4ADA-9E2D-EBC47F32F0EB}" presName="aNode" presStyleLbl="fgAcc1" presStyleIdx="2" presStyleCnt="8" custScaleX="164241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38A57368-07CA-4933-BEF3-11130DE6A1C0}" type="pres">
      <dgm:prSet presAssocID="{39389D1A-DA07-4ADA-9E2D-EBC47F32F0EB}" presName="aSpace" presStyleCnt="0"/>
      <dgm:spPr/>
    </dgm:pt>
    <dgm:pt modelId="{D671FC9F-E88E-42F7-B4EB-18102A4B852A}" type="pres">
      <dgm:prSet presAssocID="{9C5115FB-A298-4F0D-96F8-B00D4DE77672}" presName="aNode" presStyleLbl="fgAcc1" presStyleIdx="3" presStyleCnt="8" custScaleX="164340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D9534414-2D97-4DCA-B1F8-822C981AC4A8}" type="pres">
      <dgm:prSet presAssocID="{9C5115FB-A298-4F0D-96F8-B00D4DE77672}" presName="aSpace" presStyleCnt="0"/>
      <dgm:spPr/>
    </dgm:pt>
    <dgm:pt modelId="{8B9174AA-CFFB-45DE-BB98-5BD6D8009A42}" type="pres">
      <dgm:prSet presAssocID="{38CD01A5-562A-4D1B-B3E3-9AB800FB1745}" presName="aNode" presStyleLbl="fgAcc1" presStyleIdx="4" presStyleCnt="8" custScaleX="164390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8A6B9A4D-3258-49DD-BB34-21A1D26DBFAA}" type="pres">
      <dgm:prSet presAssocID="{38CD01A5-562A-4D1B-B3E3-9AB800FB1745}" presName="aSpace" presStyleCnt="0"/>
      <dgm:spPr/>
    </dgm:pt>
    <dgm:pt modelId="{2C00A2ED-50A3-48B9-9654-24C7AB444649}" type="pres">
      <dgm:prSet presAssocID="{F802461E-7676-4564-89AF-8E087D38E123}" presName="aNode" presStyleLbl="fgAcc1" presStyleIdx="5" presStyleCnt="8" custScaleX="16441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A824080D-2B8F-426B-8674-B5EAFB9D50FC}" type="pres">
      <dgm:prSet presAssocID="{F802461E-7676-4564-89AF-8E087D38E123}" presName="aSpace" presStyleCnt="0"/>
      <dgm:spPr/>
    </dgm:pt>
    <dgm:pt modelId="{2CD89044-BA85-474F-B8F9-DBFAFFA85C5A}" type="pres">
      <dgm:prSet presAssocID="{3289AE2F-1B1A-4C34-AE78-0F63E70085AE}" presName="aNode" presStyleLbl="fgAcc1" presStyleIdx="6" presStyleCnt="8" custScaleX="164433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EE4FF80-79AF-440F-ABCC-0E2905CC6A10}" type="pres">
      <dgm:prSet presAssocID="{3289AE2F-1B1A-4C34-AE78-0F63E70085AE}" presName="aSpace" presStyleCnt="0"/>
      <dgm:spPr/>
    </dgm:pt>
    <dgm:pt modelId="{4BC61631-EE23-43FD-A158-1A0E345D7FC5}" type="pres">
      <dgm:prSet presAssocID="{0A3DB089-6997-4ADF-9D35-5F24A95D432F}" presName="aNode" presStyleLbl="fgAcc1" presStyleIdx="7" presStyleCnt="8" custScaleX="164436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FD7662D6-2700-4AD8-98AE-96D2737BBAE1}" type="pres">
      <dgm:prSet presAssocID="{0A3DB089-6997-4ADF-9D35-5F24A95D432F}" presName="aSpace" presStyleCnt="0"/>
      <dgm:spPr/>
    </dgm:pt>
  </dgm:ptLst>
  <dgm:cxnLst>
    <dgm:cxn modelId="{A8D5B14A-24A8-463F-9E50-F9B35E25472E}" srcId="{3CDA4D04-F7A2-4CC9-BEC0-1A7346F42B92}" destId="{B195F612-BE2A-4C79-9490-7C349CF88B5E}" srcOrd="1" destOrd="0" parTransId="{3BDB7D68-3529-4995-9B55-F5327CD79696}" sibTransId="{A642E464-4A2B-49D3-A9DF-85A742E71B3D}"/>
    <dgm:cxn modelId="{B88CD157-CEBB-449F-92AD-21345226948C}" srcId="{3CDA4D04-F7A2-4CC9-BEC0-1A7346F42B92}" destId="{F802461E-7676-4564-89AF-8E087D38E123}" srcOrd="5" destOrd="0" parTransId="{E268D571-E154-4560-9918-0DA95C10C797}" sibTransId="{AE85ED81-6094-4DBE-ABE4-2FF6096FE2BB}"/>
    <dgm:cxn modelId="{85147A48-5E86-4590-B763-C4EC26BEC1FF}" srcId="{3CDA4D04-F7A2-4CC9-BEC0-1A7346F42B92}" destId="{39389D1A-DA07-4ADA-9E2D-EBC47F32F0EB}" srcOrd="2" destOrd="0" parTransId="{C9F1E315-8DE2-4541-9EED-8286E95FCB63}" sibTransId="{3EB0A01D-2CCF-4C2D-8550-E4E3350353F1}"/>
    <dgm:cxn modelId="{B73154C2-C686-44D1-BC11-5C85B1FB157A}" type="presOf" srcId="{3CDA4D04-F7A2-4CC9-BEC0-1A7346F42B92}" destId="{970010CC-DD26-40E5-BFCD-AA1CF1BE47FD}" srcOrd="0" destOrd="0" presId="urn:microsoft.com/office/officeart/2005/8/layout/pyramid2"/>
    <dgm:cxn modelId="{7AB2F6CC-B2BA-4FBC-93D7-60C2D6C31E9E}" srcId="{3CDA4D04-F7A2-4CC9-BEC0-1A7346F42B92}" destId="{38CD01A5-562A-4D1B-B3E3-9AB800FB1745}" srcOrd="4" destOrd="0" parTransId="{B5C57C9C-D55A-4CF6-B34E-48E907C9C164}" sibTransId="{DFD64AE6-7F35-45F3-8F6C-35B9C2C9EA28}"/>
    <dgm:cxn modelId="{DB03809A-C463-425F-BC6D-5BEABAB4C12B}" type="presOf" srcId="{9C5115FB-A298-4F0D-96F8-B00D4DE77672}" destId="{D671FC9F-E88E-42F7-B4EB-18102A4B852A}" srcOrd="0" destOrd="0" presId="urn:microsoft.com/office/officeart/2005/8/layout/pyramid2"/>
    <dgm:cxn modelId="{63303010-4491-4601-A9FC-BEBA1615CB13}" srcId="{3CDA4D04-F7A2-4CC9-BEC0-1A7346F42B92}" destId="{04E0D737-7B11-4212-BC6B-869FDCE637DD}" srcOrd="0" destOrd="0" parTransId="{C6DC4681-B5B8-437B-B32F-CD34D6EB62C5}" sibTransId="{4C643123-33F3-46F3-87EB-A14BCA0C6028}"/>
    <dgm:cxn modelId="{0BC832B4-A067-4435-A19F-FCEF98C614E0}" type="presOf" srcId="{3289AE2F-1B1A-4C34-AE78-0F63E70085AE}" destId="{2CD89044-BA85-474F-B8F9-DBFAFFA85C5A}" srcOrd="0" destOrd="0" presId="urn:microsoft.com/office/officeart/2005/8/layout/pyramid2"/>
    <dgm:cxn modelId="{27960DE9-205F-4542-893C-6C2A79E704C6}" srcId="{3CDA4D04-F7A2-4CC9-BEC0-1A7346F42B92}" destId="{3289AE2F-1B1A-4C34-AE78-0F63E70085AE}" srcOrd="6" destOrd="0" parTransId="{0F681000-A89A-49E0-A723-675A19A7FEB7}" sibTransId="{FB57F070-98E0-4A60-B7C6-5E03B3DD0BEB}"/>
    <dgm:cxn modelId="{22CA5F6C-101B-4B5E-91DA-DE007B4D1FB3}" type="presOf" srcId="{04E0D737-7B11-4212-BC6B-869FDCE637DD}" destId="{4897C8C2-4B06-4F2A-BCF7-590B1ABA9209}" srcOrd="0" destOrd="0" presId="urn:microsoft.com/office/officeart/2005/8/layout/pyramid2"/>
    <dgm:cxn modelId="{4EEE05B8-EEBE-404A-9BF0-A957C73FDD6F}" type="presOf" srcId="{38CD01A5-562A-4D1B-B3E3-9AB800FB1745}" destId="{8B9174AA-CFFB-45DE-BB98-5BD6D8009A42}" srcOrd="0" destOrd="0" presId="urn:microsoft.com/office/officeart/2005/8/layout/pyramid2"/>
    <dgm:cxn modelId="{6E4E7919-ED60-4F46-9520-3D299B1CE00D}" type="presOf" srcId="{0A3DB089-6997-4ADF-9D35-5F24A95D432F}" destId="{4BC61631-EE23-43FD-A158-1A0E345D7FC5}" srcOrd="0" destOrd="0" presId="urn:microsoft.com/office/officeart/2005/8/layout/pyramid2"/>
    <dgm:cxn modelId="{A22D0352-8965-4683-8591-5F99F93ACEC1}" srcId="{3CDA4D04-F7A2-4CC9-BEC0-1A7346F42B92}" destId="{9C5115FB-A298-4F0D-96F8-B00D4DE77672}" srcOrd="3" destOrd="0" parTransId="{6383ACF3-C24B-432D-93C7-598691401B02}" sibTransId="{EBEE3965-2D5F-4181-A88F-1E8434D57587}"/>
    <dgm:cxn modelId="{A8191E07-1012-41BF-A7CF-9BD6F98C6CCE}" type="presOf" srcId="{B195F612-BE2A-4C79-9490-7C349CF88B5E}" destId="{A573B83C-5687-4A90-9D9F-0592C8B85BB9}" srcOrd="0" destOrd="0" presId="urn:microsoft.com/office/officeart/2005/8/layout/pyramid2"/>
    <dgm:cxn modelId="{E252DA67-31E9-4DEF-8925-4544597D6B08}" srcId="{3CDA4D04-F7A2-4CC9-BEC0-1A7346F42B92}" destId="{0A3DB089-6997-4ADF-9D35-5F24A95D432F}" srcOrd="7" destOrd="0" parTransId="{C19FF36B-98FD-463E-B8DE-8FC4C6EB7CE5}" sibTransId="{1F892103-2414-42F8-B43C-B97FFF6824C3}"/>
    <dgm:cxn modelId="{59C7DF62-A080-4D48-B2DE-826E7C9375A6}" type="presOf" srcId="{39389D1A-DA07-4ADA-9E2D-EBC47F32F0EB}" destId="{34EEC0DE-9595-410F-BE0C-B3FC5C63AC0F}" srcOrd="0" destOrd="0" presId="urn:microsoft.com/office/officeart/2005/8/layout/pyramid2"/>
    <dgm:cxn modelId="{F6C6DBBE-7FF9-41E1-8882-AED42734F25A}" type="presOf" srcId="{F802461E-7676-4564-89AF-8E087D38E123}" destId="{2C00A2ED-50A3-48B9-9654-24C7AB444649}" srcOrd="0" destOrd="0" presId="urn:microsoft.com/office/officeart/2005/8/layout/pyramid2"/>
    <dgm:cxn modelId="{6EA21BD3-8671-4D41-9645-7834DA4860CE}" type="presParOf" srcId="{970010CC-DD26-40E5-BFCD-AA1CF1BE47FD}" destId="{54841AF5-A26E-4860-940E-F948E948BE39}" srcOrd="0" destOrd="0" presId="urn:microsoft.com/office/officeart/2005/8/layout/pyramid2"/>
    <dgm:cxn modelId="{5ABA376F-1417-47EE-ACEA-EFAC9FC8F2DD}" type="presParOf" srcId="{970010CC-DD26-40E5-BFCD-AA1CF1BE47FD}" destId="{7A7A14AD-BCD2-4830-9756-5052C87867F1}" srcOrd="1" destOrd="0" presId="urn:microsoft.com/office/officeart/2005/8/layout/pyramid2"/>
    <dgm:cxn modelId="{E470B453-21BA-4F05-B288-372F75AF4A28}" type="presParOf" srcId="{7A7A14AD-BCD2-4830-9756-5052C87867F1}" destId="{4897C8C2-4B06-4F2A-BCF7-590B1ABA9209}" srcOrd="0" destOrd="0" presId="urn:microsoft.com/office/officeart/2005/8/layout/pyramid2"/>
    <dgm:cxn modelId="{C7B62176-E760-4BD9-900E-4BEB1859FC12}" type="presParOf" srcId="{7A7A14AD-BCD2-4830-9756-5052C87867F1}" destId="{606EF180-A822-40B8-A18A-B5FEB1AB860B}" srcOrd="1" destOrd="0" presId="urn:microsoft.com/office/officeart/2005/8/layout/pyramid2"/>
    <dgm:cxn modelId="{ED135F1D-357A-4332-8D16-1E7469A0949D}" type="presParOf" srcId="{7A7A14AD-BCD2-4830-9756-5052C87867F1}" destId="{A573B83C-5687-4A90-9D9F-0592C8B85BB9}" srcOrd="2" destOrd="0" presId="urn:microsoft.com/office/officeart/2005/8/layout/pyramid2"/>
    <dgm:cxn modelId="{AA0665AD-8091-4E53-A58A-2BB69C54407D}" type="presParOf" srcId="{7A7A14AD-BCD2-4830-9756-5052C87867F1}" destId="{4827EE64-E6AD-49E8-9861-FAC388004862}" srcOrd="3" destOrd="0" presId="urn:microsoft.com/office/officeart/2005/8/layout/pyramid2"/>
    <dgm:cxn modelId="{3276A048-192A-4D81-9D70-7AAD68F51C2D}" type="presParOf" srcId="{7A7A14AD-BCD2-4830-9756-5052C87867F1}" destId="{34EEC0DE-9595-410F-BE0C-B3FC5C63AC0F}" srcOrd="4" destOrd="0" presId="urn:microsoft.com/office/officeart/2005/8/layout/pyramid2"/>
    <dgm:cxn modelId="{A7B11AD3-9872-4009-A9D8-5852EACD4B72}" type="presParOf" srcId="{7A7A14AD-BCD2-4830-9756-5052C87867F1}" destId="{38A57368-07CA-4933-BEF3-11130DE6A1C0}" srcOrd="5" destOrd="0" presId="urn:microsoft.com/office/officeart/2005/8/layout/pyramid2"/>
    <dgm:cxn modelId="{8E109141-3F5D-4C25-96C3-1D9264501201}" type="presParOf" srcId="{7A7A14AD-BCD2-4830-9756-5052C87867F1}" destId="{D671FC9F-E88E-42F7-B4EB-18102A4B852A}" srcOrd="6" destOrd="0" presId="urn:microsoft.com/office/officeart/2005/8/layout/pyramid2"/>
    <dgm:cxn modelId="{64A55175-0CF5-4F52-B41F-61FE461AE94A}" type="presParOf" srcId="{7A7A14AD-BCD2-4830-9756-5052C87867F1}" destId="{D9534414-2D97-4DCA-B1F8-822C981AC4A8}" srcOrd="7" destOrd="0" presId="urn:microsoft.com/office/officeart/2005/8/layout/pyramid2"/>
    <dgm:cxn modelId="{66930A77-8BAB-484C-9127-C4919A399020}" type="presParOf" srcId="{7A7A14AD-BCD2-4830-9756-5052C87867F1}" destId="{8B9174AA-CFFB-45DE-BB98-5BD6D8009A42}" srcOrd="8" destOrd="0" presId="urn:microsoft.com/office/officeart/2005/8/layout/pyramid2"/>
    <dgm:cxn modelId="{71DE27DE-191C-420C-B694-3B588596987F}" type="presParOf" srcId="{7A7A14AD-BCD2-4830-9756-5052C87867F1}" destId="{8A6B9A4D-3258-49DD-BB34-21A1D26DBFAA}" srcOrd="9" destOrd="0" presId="urn:microsoft.com/office/officeart/2005/8/layout/pyramid2"/>
    <dgm:cxn modelId="{BA4711B2-8412-4FF0-9B12-08DE50F57FE9}" type="presParOf" srcId="{7A7A14AD-BCD2-4830-9756-5052C87867F1}" destId="{2C00A2ED-50A3-48B9-9654-24C7AB444649}" srcOrd="10" destOrd="0" presId="urn:microsoft.com/office/officeart/2005/8/layout/pyramid2"/>
    <dgm:cxn modelId="{292BECF5-91EA-4C10-A5A8-70DAF4B8848D}" type="presParOf" srcId="{7A7A14AD-BCD2-4830-9756-5052C87867F1}" destId="{A824080D-2B8F-426B-8674-B5EAFB9D50FC}" srcOrd="11" destOrd="0" presId="urn:microsoft.com/office/officeart/2005/8/layout/pyramid2"/>
    <dgm:cxn modelId="{E5C03671-E8BA-48E8-91DD-B2D0F3013DDB}" type="presParOf" srcId="{7A7A14AD-BCD2-4830-9756-5052C87867F1}" destId="{2CD89044-BA85-474F-B8F9-DBFAFFA85C5A}" srcOrd="12" destOrd="0" presId="urn:microsoft.com/office/officeart/2005/8/layout/pyramid2"/>
    <dgm:cxn modelId="{8A440635-4AC5-4F7C-82FF-AC0CA3367137}" type="presParOf" srcId="{7A7A14AD-BCD2-4830-9756-5052C87867F1}" destId="{6EE4FF80-79AF-440F-ABCC-0E2905CC6A10}" srcOrd="13" destOrd="0" presId="urn:microsoft.com/office/officeart/2005/8/layout/pyramid2"/>
    <dgm:cxn modelId="{41E7A474-5801-4EB4-97CC-E0E96D5A4E65}" type="presParOf" srcId="{7A7A14AD-BCD2-4830-9756-5052C87867F1}" destId="{4BC61631-EE23-43FD-A158-1A0E345D7FC5}" srcOrd="14" destOrd="0" presId="urn:microsoft.com/office/officeart/2005/8/layout/pyramid2"/>
    <dgm:cxn modelId="{EDA29FAC-37C9-4B83-BE05-DE63C8507B2B}" type="presParOf" srcId="{7A7A14AD-BCD2-4830-9756-5052C87867F1}" destId="{FD7662D6-2700-4AD8-98AE-96D2737BBAE1}" srcOrd="15" destOrd="0" presId="urn:microsoft.com/office/officeart/2005/8/layout/pyramid2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28C4EA92-7A07-4BA5-BDF2-94C2780714B2}" type="doc">
      <dgm:prSet loTypeId="urn:microsoft.com/office/officeart/2005/8/layout/hierarchy4" loCatId="list" qsTypeId="urn:microsoft.com/office/officeart/2005/8/quickstyle/3d3" qsCatId="3D" csTypeId="urn:microsoft.com/office/officeart/2005/8/colors/accent2_5" csCatId="accent2" phldr="1"/>
      <dgm:spPr/>
      <dgm:t>
        <a:bodyPr/>
        <a:lstStyle/>
        <a:p>
          <a:endParaRPr lang="en-GB"/>
        </a:p>
      </dgm:t>
    </dgm:pt>
    <dgm:pt modelId="{48658A2D-6071-4F2F-8143-D0515C9B24B9}">
      <dgm:prSet custT="1"/>
      <dgm:spPr/>
      <dgm:t>
        <a:bodyPr/>
        <a:lstStyle/>
        <a:p>
          <a:pPr rtl="0"/>
          <a:r>
            <a:rPr lang="en-GB" sz="2800" baseline="0" dirty="0" smtClean="0"/>
            <a:t>It may not be possible to go through all eight stages. It helps to adopt a structured approach!</a:t>
          </a:r>
          <a:endParaRPr lang="en-GB" sz="2800" dirty="0"/>
        </a:p>
      </dgm:t>
    </dgm:pt>
    <dgm:pt modelId="{6082F9B3-9E6E-4B29-8148-C8CED1D9F7C6}" type="parTrans" cxnId="{82D5CB4B-83D2-4AB3-9EEC-5EBB2DA240A4}">
      <dgm:prSet/>
      <dgm:spPr/>
      <dgm:t>
        <a:bodyPr/>
        <a:lstStyle/>
        <a:p>
          <a:endParaRPr lang="en-GB"/>
        </a:p>
      </dgm:t>
    </dgm:pt>
    <dgm:pt modelId="{4AD6C880-77F7-4CD2-B59A-0135B2C29E8F}" type="sibTrans" cxnId="{82D5CB4B-83D2-4AB3-9EEC-5EBB2DA240A4}">
      <dgm:prSet/>
      <dgm:spPr/>
      <dgm:t>
        <a:bodyPr/>
        <a:lstStyle/>
        <a:p>
          <a:endParaRPr lang="en-GB"/>
        </a:p>
      </dgm:t>
    </dgm:pt>
    <dgm:pt modelId="{E82F1A74-1B5E-4E7C-8142-18B67DE6437C}">
      <dgm:prSet/>
      <dgm:spPr/>
      <dgm:t>
        <a:bodyPr/>
        <a:lstStyle/>
        <a:p>
          <a:pPr rtl="0"/>
          <a:r>
            <a:rPr lang="en-GB" baseline="0" smtClean="0"/>
            <a:t>Is a market scan necessary? Yes!</a:t>
          </a:r>
          <a:endParaRPr lang="en-GB"/>
        </a:p>
      </dgm:t>
    </dgm:pt>
    <dgm:pt modelId="{697FBDF8-04B5-482B-A9E1-1F1132C237AF}" type="parTrans" cxnId="{9809FEF9-C18B-45FC-A7E4-7F9B403EC8F2}">
      <dgm:prSet/>
      <dgm:spPr/>
      <dgm:t>
        <a:bodyPr/>
        <a:lstStyle/>
        <a:p>
          <a:endParaRPr lang="en-GB"/>
        </a:p>
      </dgm:t>
    </dgm:pt>
    <dgm:pt modelId="{1741FED5-CDBD-4D20-BD67-CB303458F9FC}" type="sibTrans" cxnId="{9809FEF9-C18B-45FC-A7E4-7F9B403EC8F2}">
      <dgm:prSet/>
      <dgm:spPr/>
      <dgm:t>
        <a:bodyPr/>
        <a:lstStyle/>
        <a:p>
          <a:endParaRPr lang="en-GB"/>
        </a:p>
      </dgm:t>
    </dgm:pt>
    <dgm:pt modelId="{D04E1D1F-AC9B-4914-8255-FA854ADA5A86}">
      <dgm:prSet/>
      <dgm:spPr/>
      <dgm:t>
        <a:bodyPr/>
        <a:lstStyle/>
        <a:p>
          <a:pPr rtl="0"/>
          <a:r>
            <a:rPr lang="en-GB" baseline="0" smtClean="0"/>
            <a:t>Did we do it? No!</a:t>
          </a:r>
          <a:endParaRPr lang="en-GB"/>
        </a:p>
      </dgm:t>
    </dgm:pt>
    <dgm:pt modelId="{228E1A7B-F6BC-424A-B9E8-21A06EC1DBE0}" type="parTrans" cxnId="{24A7B5B1-412D-4325-84C8-27EDF05EB049}">
      <dgm:prSet/>
      <dgm:spPr/>
      <dgm:t>
        <a:bodyPr/>
        <a:lstStyle/>
        <a:p>
          <a:endParaRPr lang="en-GB"/>
        </a:p>
      </dgm:t>
    </dgm:pt>
    <dgm:pt modelId="{687DF802-0854-4F1C-9F7F-398A540F3C4B}" type="sibTrans" cxnId="{24A7B5B1-412D-4325-84C8-27EDF05EB049}">
      <dgm:prSet/>
      <dgm:spPr/>
      <dgm:t>
        <a:bodyPr/>
        <a:lstStyle/>
        <a:p>
          <a:endParaRPr lang="en-GB"/>
        </a:p>
      </dgm:t>
    </dgm:pt>
    <dgm:pt modelId="{6BE04970-0F3B-4A5C-AD11-DE75A0D53019}">
      <dgm:prSet/>
      <dgm:spPr/>
      <dgm:t>
        <a:bodyPr/>
        <a:lstStyle/>
        <a:p>
          <a:pPr rtl="0"/>
          <a:r>
            <a:rPr lang="en-GB" baseline="0" smtClean="0"/>
            <a:t>Even if you are adapting an OER it is worth finding out what resources exist and the best delivery methods.</a:t>
          </a:r>
          <a:endParaRPr lang="en-GB"/>
        </a:p>
      </dgm:t>
    </dgm:pt>
    <dgm:pt modelId="{59EBDDCB-4070-4B45-BF25-6279FF440922}" type="parTrans" cxnId="{28533548-3B2D-448B-A433-8E3414F6BA4B}">
      <dgm:prSet/>
      <dgm:spPr/>
      <dgm:t>
        <a:bodyPr/>
        <a:lstStyle/>
        <a:p>
          <a:endParaRPr lang="en-GB"/>
        </a:p>
      </dgm:t>
    </dgm:pt>
    <dgm:pt modelId="{1319F9AB-AAF5-4FF7-9D41-72B685E77A1A}" type="sibTrans" cxnId="{28533548-3B2D-448B-A433-8E3414F6BA4B}">
      <dgm:prSet/>
      <dgm:spPr/>
      <dgm:t>
        <a:bodyPr/>
        <a:lstStyle/>
        <a:p>
          <a:endParaRPr lang="en-GB"/>
        </a:p>
      </dgm:t>
    </dgm:pt>
    <dgm:pt modelId="{3F8090C1-84DB-4283-8EE5-7A6F6E8DA243}">
      <dgm:prSet/>
      <dgm:spPr/>
      <dgm:t>
        <a:bodyPr/>
        <a:lstStyle/>
        <a:p>
          <a:pPr rtl="0"/>
          <a:r>
            <a:rPr lang="en-GB" baseline="0" smtClean="0"/>
            <a:t>It is always worth learning from others. It can save time in the long run.</a:t>
          </a:r>
          <a:endParaRPr lang="en-GB"/>
        </a:p>
      </dgm:t>
    </dgm:pt>
    <dgm:pt modelId="{C458DCAA-29BC-4277-8FD5-924AD6234362}" type="parTrans" cxnId="{FCC6B0E4-0F48-481F-BF9D-F9CCC130EE94}">
      <dgm:prSet/>
      <dgm:spPr/>
      <dgm:t>
        <a:bodyPr/>
        <a:lstStyle/>
        <a:p>
          <a:endParaRPr lang="en-GB"/>
        </a:p>
      </dgm:t>
    </dgm:pt>
    <dgm:pt modelId="{3858120D-31C7-4F86-885E-9B48FCBADB8F}" type="sibTrans" cxnId="{FCC6B0E4-0F48-481F-BF9D-F9CCC130EE94}">
      <dgm:prSet/>
      <dgm:spPr/>
      <dgm:t>
        <a:bodyPr/>
        <a:lstStyle/>
        <a:p>
          <a:endParaRPr lang="en-GB"/>
        </a:p>
      </dgm:t>
    </dgm:pt>
    <dgm:pt modelId="{A8DAC467-329E-4F77-9664-1833F928DC20}" type="pres">
      <dgm:prSet presAssocID="{28C4EA92-7A07-4BA5-BDF2-94C2780714B2}" presName="Name0" presStyleCnt="0">
        <dgm:presLayoutVars>
          <dgm:chPref val="1"/>
          <dgm:dir/>
          <dgm:animOne val="branch"/>
          <dgm:animLvl val="lvl"/>
          <dgm:resizeHandles/>
        </dgm:presLayoutVars>
      </dgm:prSet>
      <dgm:spPr/>
      <dgm:t>
        <a:bodyPr/>
        <a:lstStyle/>
        <a:p>
          <a:endParaRPr lang="en-GB"/>
        </a:p>
      </dgm:t>
    </dgm:pt>
    <dgm:pt modelId="{2654DB51-27A6-4979-ADC8-CD7F4C01FE9A}" type="pres">
      <dgm:prSet presAssocID="{48658A2D-6071-4F2F-8143-D0515C9B24B9}" presName="vertOne" presStyleCnt="0"/>
      <dgm:spPr/>
    </dgm:pt>
    <dgm:pt modelId="{C8E43395-E7E1-4A8E-B02B-E0BABD47EFE7}" type="pres">
      <dgm:prSet presAssocID="{48658A2D-6071-4F2F-8143-D0515C9B24B9}" presName="txOne" presStyleLbl="node0" presStyleIdx="0" presStyleCnt="1" custScaleY="39721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E94BC507-D2BD-4B4C-B6C4-35B607BCBF82}" type="pres">
      <dgm:prSet presAssocID="{48658A2D-6071-4F2F-8143-D0515C9B24B9}" presName="parTransOne" presStyleCnt="0"/>
      <dgm:spPr/>
    </dgm:pt>
    <dgm:pt modelId="{A0B2967E-0BEB-4907-BA7C-66606491FAD4}" type="pres">
      <dgm:prSet presAssocID="{48658A2D-6071-4F2F-8143-D0515C9B24B9}" presName="horzOne" presStyleCnt="0"/>
      <dgm:spPr/>
    </dgm:pt>
    <dgm:pt modelId="{93F856F1-95D1-469E-9006-05986F1E4A39}" type="pres">
      <dgm:prSet presAssocID="{E82F1A74-1B5E-4E7C-8142-18B67DE6437C}" presName="vertTwo" presStyleCnt="0"/>
      <dgm:spPr/>
    </dgm:pt>
    <dgm:pt modelId="{BA6470F0-372B-4FB4-BC12-EA6156FB3996}" type="pres">
      <dgm:prSet presAssocID="{E82F1A74-1B5E-4E7C-8142-18B67DE6437C}" presName="txTwo" presStyleLbl="node2" presStyleIdx="0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AE88D585-2020-49E5-855F-F8E52A74D047}" type="pres">
      <dgm:prSet presAssocID="{E82F1A74-1B5E-4E7C-8142-18B67DE6437C}" presName="horzTwo" presStyleCnt="0"/>
      <dgm:spPr/>
    </dgm:pt>
    <dgm:pt modelId="{336311D9-FEAC-4F1A-885B-A18A1DC6D680}" type="pres">
      <dgm:prSet presAssocID="{1741FED5-CDBD-4D20-BD67-CB303458F9FC}" presName="sibSpaceTwo" presStyleCnt="0"/>
      <dgm:spPr/>
    </dgm:pt>
    <dgm:pt modelId="{60B43D46-D202-4626-B224-E82C4FE163CC}" type="pres">
      <dgm:prSet presAssocID="{D04E1D1F-AC9B-4914-8255-FA854ADA5A86}" presName="vertTwo" presStyleCnt="0"/>
      <dgm:spPr/>
    </dgm:pt>
    <dgm:pt modelId="{4697EBFF-0F7E-418C-84E5-694185C6A2C6}" type="pres">
      <dgm:prSet presAssocID="{D04E1D1F-AC9B-4914-8255-FA854ADA5A86}" presName="txTwo" presStyleLbl="node2" presStyleIdx="1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E5D077EE-7EEB-4735-A559-39B606F5F69F}" type="pres">
      <dgm:prSet presAssocID="{D04E1D1F-AC9B-4914-8255-FA854ADA5A86}" presName="horzTwo" presStyleCnt="0"/>
      <dgm:spPr/>
    </dgm:pt>
    <dgm:pt modelId="{47AC7D78-4C1C-4734-9071-D0DBFE37606E}" type="pres">
      <dgm:prSet presAssocID="{687DF802-0854-4F1C-9F7F-398A540F3C4B}" presName="sibSpaceTwo" presStyleCnt="0"/>
      <dgm:spPr/>
    </dgm:pt>
    <dgm:pt modelId="{895D0800-3062-408D-A9DD-C1511801861F}" type="pres">
      <dgm:prSet presAssocID="{6BE04970-0F3B-4A5C-AD11-DE75A0D53019}" presName="vertTwo" presStyleCnt="0"/>
      <dgm:spPr/>
    </dgm:pt>
    <dgm:pt modelId="{A13443DA-43AB-47E8-9473-81400395E72B}" type="pres">
      <dgm:prSet presAssocID="{6BE04970-0F3B-4A5C-AD11-DE75A0D53019}" presName="txTwo" presStyleLbl="node2" presStyleIdx="2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B5B4AE02-395C-4C33-AEBF-35900479EAF9}" type="pres">
      <dgm:prSet presAssocID="{6BE04970-0F3B-4A5C-AD11-DE75A0D53019}" presName="horzTwo" presStyleCnt="0"/>
      <dgm:spPr/>
    </dgm:pt>
    <dgm:pt modelId="{8576E01A-639A-458A-A8CF-DC0C41DC7103}" type="pres">
      <dgm:prSet presAssocID="{1319F9AB-AAF5-4FF7-9D41-72B685E77A1A}" presName="sibSpaceTwo" presStyleCnt="0"/>
      <dgm:spPr/>
    </dgm:pt>
    <dgm:pt modelId="{E4242736-2EE5-461C-A8AF-B202B9E11D31}" type="pres">
      <dgm:prSet presAssocID="{3F8090C1-84DB-4283-8EE5-7A6F6E8DA243}" presName="vertTwo" presStyleCnt="0"/>
      <dgm:spPr/>
    </dgm:pt>
    <dgm:pt modelId="{F8A83627-48EB-443D-A629-27AC99873DFF}" type="pres">
      <dgm:prSet presAssocID="{3F8090C1-84DB-4283-8EE5-7A6F6E8DA243}" presName="txTwo" presStyleLbl="node2" presStyleIdx="3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56856CDF-8293-4799-965E-587CD2AEFD6C}" type="pres">
      <dgm:prSet presAssocID="{3F8090C1-84DB-4283-8EE5-7A6F6E8DA243}" presName="horzTwo" presStyleCnt="0"/>
      <dgm:spPr/>
    </dgm:pt>
  </dgm:ptLst>
  <dgm:cxnLst>
    <dgm:cxn modelId="{79349E0B-398A-4C06-8A5F-EE5082224CEB}" type="presOf" srcId="{E82F1A74-1B5E-4E7C-8142-18B67DE6437C}" destId="{BA6470F0-372B-4FB4-BC12-EA6156FB3996}" srcOrd="0" destOrd="0" presId="urn:microsoft.com/office/officeart/2005/8/layout/hierarchy4"/>
    <dgm:cxn modelId="{785E6C82-ABEA-403C-AFD4-59A7BE7168AD}" type="presOf" srcId="{48658A2D-6071-4F2F-8143-D0515C9B24B9}" destId="{C8E43395-E7E1-4A8E-B02B-E0BABD47EFE7}" srcOrd="0" destOrd="0" presId="urn:microsoft.com/office/officeart/2005/8/layout/hierarchy4"/>
    <dgm:cxn modelId="{68D7D3C6-F054-4188-ACB1-5E6B520F53BC}" type="presOf" srcId="{D04E1D1F-AC9B-4914-8255-FA854ADA5A86}" destId="{4697EBFF-0F7E-418C-84E5-694185C6A2C6}" srcOrd="0" destOrd="0" presId="urn:microsoft.com/office/officeart/2005/8/layout/hierarchy4"/>
    <dgm:cxn modelId="{28533548-3B2D-448B-A433-8E3414F6BA4B}" srcId="{48658A2D-6071-4F2F-8143-D0515C9B24B9}" destId="{6BE04970-0F3B-4A5C-AD11-DE75A0D53019}" srcOrd="2" destOrd="0" parTransId="{59EBDDCB-4070-4B45-BF25-6279FF440922}" sibTransId="{1319F9AB-AAF5-4FF7-9D41-72B685E77A1A}"/>
    <dgm:cxn modelId="{9809FEF9-C18B-45FC-A7E4-7F9B403EC8F2}" srcId="{48658A2D-6071-4F2F-8143-D0515C9B24B9}" destId="{E82F1A74-1B5E-4E7C-8142-18B67DE6437C}" srcOrd="0" destOrd="0" parTransId="{697FBDF8-04B5-482B-A9E1-1F1132C237AF}" sibTransId="{1741FED5-CDBD-4D20-BD67-CB303458F9FC}"/>
    <dgm:cxn modelId="{87EE00C2-DC52-4250-B0A1-4BF624B9E453}" type="presOf" srcId="{28C4EA92-7A07-4BA5-BDF2-94C2780714B2}" destId="{A8DAC467-329E-4F77-9664-1833F928DC20}" srcOrd="0" destOrd="0" presId="urn:microsoft.com/office/officeart/2005/8/layout/hierarchy4"/>
    <dgm:cxn modelId="{24A7B5B1-412D-4325-84C8-27EDF05EB049}" srcId="{48658A2D-6071-4F2F-8143-D0515C9B24B9}" destId="{D04E1D1F-AC9B-4914-8255-FA854ADA5A86}" srcOrd="1" destOrd="0" parTransId="{228E1A7B-F6BC-424A-B9E8-21A06EC1DBE0}" sibTransId="{687DF802-0854-4F1C-9F7F-398A540F3C4B}"/>
    <dgm:cxn modelId="{FCC6B0E4-0F48-481F-BF9D-F9CCC130EE94}" srcId="{48658A2D-6071-4F2F-8143-D0515C9B24B9}" destId="{3F8090C1-84DB-4283-8EE5-7A6F6E8DA243}" srcOrd="3" destOrd="0" parTransId="{C458DCAA-29BC-4277-8FD5-924AD6234362}" sibTransId="{3858120D-31C7-4F86-885E-9B48FCBADB8F}"/>
    <dgm:cxn modelId="{FA7ED189-B266-437C-A797-ABA9D1BC3BBE}" type="presOf" srcId="{6BE04970-0F3B-4A5C-AD11-DE75A0D53019}" destId="{A13443DA-43AB-47E8-9473-81400395E72B}" srcOrd="0" destOrd="0" presId="urn:microsoft.com/office/officeart/2005/8/layout/hierarchy4"/>
    <dgm:cxn modelId="{82D5CB4B-83D2-4AB3-9EEC-5EBB2DA240A4}" srcId="{28C4EA92-7A07-4BA5-BDF2-94C2780714B2}" destId="{48658A2D-6071-4F2F-8143-D0515C9B24B9}" srcOrd="0" destOrd="0" parTransId="{6082F9B3-9E6E-4B29-8148-C8CED1D9F7C6}" sibTransId="{4AD6C880-77F7-4CD2-B59A-0135B2C29E8F}"/>
    <dgm:cxn modelId="{088B8F5E-D697-400F-8AC2-10D117AC0C81}" type="presOf" srcId="{3F8090C1-84DB-4283-8EE5-7A6F6E8DA243}" destId="{F8A83627-48EB-443D-A629-27AC99873DFF}" srcOrd="0" destOrd="0" presId="urn:microsoft.com/office/officeart/2005/8/layout/hierarchy4"/>
    <dgm:cxn modelId="{31C89683-17DD-41A0-835A-132DABDA0761}" type="presParOf" srcId="{A8DAC467-329E-4F77-9664-1833F928DC20}" destId="{2654DB51-27A6-4979-ADC8-CD7F4C01FE9A}" srcOrd="0" destOrd="0" presId="urn:microsoft.com/office/officeart/2005/8/layout/hierarchy4"/>
    <dgm:cxn modelId="{2E973BE2-EAE0-4377-BD1E-1BC6E22C807F}" type="presParOf" srcId="{2654DB51-27A6-4979-ADC8-CD7F4C01FE9A}" destId="{C8E43395-E7E1-4A8E-B02B-E0BABD47EFE7}" srcOrd="0" destOrd="0" presId="urn:microsoft.com/office/officeart/2005/8/layout/hierarchy4"/>
    <dgm:cxn modelId="{BB2DF8BE-47AC-4EB6-B4BF-13A423FDBEC8}" type="presParOf" srcId="{2654DB51-27A6-4979-ADC8-CD7F4C01FE9A}" destId="{E94BC507-D2BD-4B4C-B6C4-35B607BCBF82}" srcOrd="1" destOrd="0" presId="urn:microsoft.com/office/officeart/2005/8/layout/hierarchy4"/>
    <dgm:cxn modelId="{E7619751-3961-48C4-A1B9-F4BE51F8233B}" type="presParOf" srcId="{2654DB51-27A6-4979-ADC8-CD7F4C01FE9A}" destId="{A0B2967E-0BEB-4907-BA7C-66606491FAD4}" srcOrd="2" destOrd="0" presId="urn:microsoft.com/office/officeart/2005/8/layout/hierarchy4"/>
    <dgm:cxn modelId="{058BB619-4812-402B-A4BA-F7C9A2711979}" type="presParOf" srcId="{A0B2967E-0BEB-4907-BA7C-66606491FAD4}" destId="{93F856F1-95D1-469E-9006-05986F1E4A39}" srcOrd="0" destOrd="0" presId="urn:microsoft.com/office/officeart/2005/8/layout/hierarchy4"/>
    <dgm:cxn modelId="{BCE65777-659F-4C94-BE38-9E9BE4EC1FBB}" type="presParOf" srcId="{93F856F1-95D1-469E-9006-05986F1E4A39}" destId="{BA6470F0-372B-4FB4-BC12-EA6156FB3996}" srcOrd="0" destOrd="0" presId="urn:microsoft.com/office/officeart/2005/8/layout/hierarchy4"/>
    <dgm:cxn modelId="{BAFA5D35-81BE-4D30-8769-4A9C83EF466A}" type="presParOf" srcId="{93F856F1-95D1-469E-9006-05986F1E4A39}" destId="{AE88D585-2020-49E5-855F-F8E52A74D047}" srcOrd="1" destOrd="0" presId="urn:microsoft.com/office/officeart/2005/8/layout/hierarchy4"/>
    <dgm:cxn modelId="{0CBD2EAC-79BF-4D4A-A496-F9C03E58779B}" type="presParOf" srcId="{A0B2967E-0BEB-4907-BA7C-66606491FAD4}" destId="{336311D9-FEAC-4F1A-885B-A18A1DC6D680}" srcOrd="1" destOrd="0" presId="urn:microsoft.com/office/officeart/2005/8/layout/hierarchy4"/>
    <dgm:cxn modelId="{AA93E94D-0B47-4A36-A68A-42DA21DFBA64}" type="presParOf" srcId="{A0B2967E-0BEB-4907-BA7C-66606491FAD4}" destId="{60B43D46-D202-4626-B224-E82C4FE163CC}" srcOrd="2" destOrd="0" presId="urn:microsoft.com/office/officeart/2005/8/layout/hierarchy4"/>
    <dgm:cxn modelId="{1D361B61-820F-4A43-B751-63215DC1F611}" type="presParOf" srcId="{60B43D46-D202-4626-B224-E82C4FE163CC}" destId="{4697EBFF-0F7E-418C-84E5-694185C6A2C6}" srcOrd="0" destOrd="0" presId="urn:microsoft.com/office/officeart/2005/8/layout/hierarchy4"/>
    <dgm:cxn modelId="{F2CA5B41-745A-4336-9612-7066F38399E9}" type="presParOf" srcId="{60B43D46-D202-4626-B224-E82C4FE163CC}" destId="{E5D077EE-7EEB-4735-A559-39B606F5F69F}" srcOrd="1" destOrd="0" presId="urn:microsoft.com/office/officeart/2005/8/layout/hierarchy4"/>
    <dgm:cxn modelId="{2E4F5F49-294C-44DF-8ED4-CC63B2263A3A}" type="presParOf" srcId="{A0B2967E-0BEB-4907-BA7C-66606491FAD4}" destId="{47AC7D78-4C1C-4734-9071-D0DBFE37606E}" srcOrd="3" destOrd="0" presId="urn:microsoft.com/office/officeart/2005/8/layout/hierarchy4"/>
    <dgm:cxn modelId="{546BF330-8F20-40DF-8B58-988CEE1A8066}" type="presParOf" srcId="{A0B2967E-0BEB-4907-BA7C-66606491FAD4}" destId="{895D0800-3062-408D-A9DD-C1511801861F}" srcOrd="4" destOrd="0" presId="urn:microsoft.com/office/officeart/2005/8/layout/hierarchy4"/>
    <dgm:cxn modelId="{CDBBE8A1-83C3-4FE9-B7EC-6EDC94D85AB7}" type="presParOf" srcId="{895D0800-3062-408D-A9DD-C1511801861F}" destId="{A13443DA-43AB-47E8-9473-81400395E72B}" srcOrd="0" destOrd="0" presId="urn:microsoft.com/office/officeart/2005/8/layout/hierarchy4"/>
    <dgm:cxn modelId="{1C33222B-0AB4-44D9-B437-884AACC610F8}" type="presParOf" srcId="{895D0800-3062-408D-A9DD-C1511801861F}" destId="{B5B4AE02-395C-4C33-AEBF-35900479EAF9}" srcOrd="1" destOrd="0" presId="urn:microsoft.com/office/officeart/2005/8/layout/hierarchy4"/>
    <dgm:cxn modelId="{58AF8717-DC49-4C71-8213-19A0A1E29A78}" type="presParOf" srcId="{A0B2967E-0BEB-4907-BA7C-66606491FAD4}" destId="{8576E01A-639A-458A-A8CF-DC0C41DC7103}" srcOrd="5" destOrd="0" presId="urn:microsoft.com/office/officeart/2005/8/layout/hierarchy4"/>
    <dgm:cxn modelId="{3E2F41DD-19C7-4A02-947E-E26576A4B968}" type="presParOf" srcId="{A0B2967E-0BEB-4907-BA7C-66606491FAD4}" destId="{E4242736-2EE5-461C-A8AF-B202B9E11D31}" srcOrd="6" destOrd="0" presId="urn:microsoft.com/office/officeart/2005/8/layout/hierarchy4"/>
    <dgm:cxn modelId="{251B2077-12C3-4204-82B5-8D361D60346A}" type="presParOf" srcId="{E4242736-2EE5-461C-A8AF-B202B9E11D31}" destId="{F8A83627-48EB-443D-A629-27AC99873DFF}" srcOrd="0" destOrd="0" presId="urn:microsoft.com/office/officeart/2005/8/layout/hierarchy4"/>
    <dgm:cxn modelId="{62796656-E294-4508-A410-A059264DDDC2}" type="presParOf" srcId="{E4242736-2EE5-461C-A8AF-B202B9E11D31}" destId="{56856CDF-8293-4799-965E-587CD2AEFD6C}" srcOrd="1" destOrd="0" presId="urn:microsoft.com/office/officeart/2005/8/layout/hierarchy4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EECDE213-BDEB-4AF2-8AEA-8C29C566F551}" type="doc">
      <dgm:prSet loTypeId="urn:microsoft.com/office/officeart/2005/8/layout/list1" loCatId="list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en-GB"/>
        </a:p>
      </dgm:t>
    </dgm:pt>
    <dgm:pt modelId="{98737210-626F-452E-A621-AA732A77126F}">
      <dgm:prSet custT="1"/>
      <dgm:spPr/>
      <dgm:t>
        <a:bodyPr/>
        <a:lstStyle/>
        <a:p>
          <a:pPr rtl="0"/>
          <a:r>
            <a:rPr lang="en-GB" sz="2000" b="1" baseline="0" dirty="0" smtClean="0"/>
            <a:t>Define target users</a:t>
          </a:r>
          <a:endParaRPr lang="en-GB" sz="2000" dirty="0"/>
        </a:p>
      </dgm:t>
    </dgm:pt>
    <dgm:pt modelId="{8D8DC1F1-81B7-4918-A60B-C193CBEDFF88}" type="parTrans" cxnId="{0A16CF6C-4B69-4534-B376-D75D9F82330B}">
      <dgm:prSet/>
      <dgm:spPr/>
      <dgm:t>
        <a:bodyPr/>
        <a:lstStyle/>
        <a:p>
          <a:endParaRPr lang="en-GB"/>
        </a:p>
      </dgm:t>
    </dgm:pt>
    <dgm:pt modelId="{469ABB3E-3530-4094-9A0C-1209D93990D0}" type="sibTrans" cxnId="{0A16CF6C-4B69-4534-B376-D75D9F82330B}">
      <dgm:prSet/>
      <dgm:spPr/>
      <dgm:t>
        <a:bodyPr/>
        <a:lstStyle/>
        <a:p>
          <a:endParaRPr lang="en-GB"/>
        </a:p>
      </dgm:t>
    </dgm:pt>
    <dgm:pt modelId="{125EB981-3036-4152-B772-C0EA18E7014D}">
      <dgm:prSet custT="1"/>
      <dgm:spPr/>
      <dgm:t>
        <a:bodyPr/>
        <a:lstStyle/>
        <a:p>
          <a:pPr rtl="0"/>
          <a:r>
            <a:rPr lang="en-GB" sz="2000" b="1" baseline="0" dirty="0" smtClean="0"/>
            <a:t>Decide on style</a:t>
          </a:r>
          <a:endParaRPr lang="en-GB" sz="2000" dirty="0"/>
        </a:p>
      </dgm:t>
    </dgm:pt>
    <dgm:pt modelId="{07E8A2F9-51BA-42AA-8227-72A6144E39D4}" type="parTrans" cxnId="{D33D8B4A-E929-4669-BE28-2735A05B6889}">
      <dgm:prSet/>
      <dgm:spPr/>
      <dgm:t>
        <a:bodyPr/>
        <a:lstStyle/>
        <a:p>
          <a:endParaRPr lang="en-GB"/>
        </a:p>
      </dgm:t>
    </dgm:pt>
    <dgm:pt modelId="{99430754-3D52-4CFC-B495-960FE99D586B}" type="sibTrans" cxnId="{D33D8B4A-E929-4669-BE28-2735A05B6889}">
      <dgm:prSet/>
      <dgm:spPr/>
      <dgm:t>
        <a:bodyPr/>
        <a:lstStyle/>
        <a:p>
          <a:endParaRPr lang="en-GB"/>
        </a:p>
      </dgm:t>
    </dgm:pt>
    <dgm:pt modelId="{60618DAF-C6EC-4AFE-A291-F7647B5ED0FA}">
      <dgm:prSet custT="1"/>
      <dgm:spPr/>
      <dgm:t>
        <a:bodyPr/>
        <a:lstStyle/>
        <a:p>
          <a:pPr rtl="0"/>
          <a:r>
            <a:rPr lang="en-GB" sz="2000" b="1" baseline="0" dirty="0" smtClean="0"/>
            <a:t>Look and feel</a:t>
          </a:r>
          <a:endParaRPr lang="en-GB" sz="2000" dirty="0"/>
        </a:p>
      </dgm:t>
    </dgm:pt>
    <dgm:pt modelId="{9DFB0AFA-A0E7-4C21-BBA3-7916A6CC3040}" type="parTrans" cxnId="{4ABC1847-CB22-4344-849A-73D1E567A535}">
      <dgm:prSet/>
      <dgm:spPr/>
      <dgm:t>
        <a:bodyPr/>
        <a:lstStyle/>
        <a:p>
          <a:endParaRPr lang="en-GB"/>
        </a:p>
      </dgm:t>
    </dgm:pt>
    <dgm:pt modelId="{B225F2E9-6B17-450C-A8B2-C0BEAED2CC51}" type="sibTrans" cxnId="{4ABC1847-CB22-4344-849A-73D1E567A535}">
      <dgm:prSet/>
      <dgm:spPr/>
      <dgm:t>
        <a:bodyPr/>
        <a:lstStyle/>
        <a:p>
          <a:endParaRPr lang="en-GB"/>
        </a:p>
      </dgm:t>
    </dgm:pt>
    <dgm:pt modelId="{77ABCDB8-C989-47BA-8FE1-B2589FD2F922}">
      <dgm:prSet custT="1"/>
      <dgm:spPr/>
      <dgm:t>
        <a:bodyPr/>
        <a:lstStyle/>
        <a:p>
          <a:pPr rtl="0"/>
          <a:r>
            <a:rPr lang="en-GB" sz="2000" b="1" baseline="0" dirty="0" smtClean="0"/>
            <a:t>Navigation</a:t>
          </a:r>
          <a:endParaRPr lang="en-GB" sz="2000" dirty="0"/>
        </a:p>
      </dgm:t>
    </dgm:pt>
    <dgm:pt modelId="{7549CE14-303A-4CCC-9A07-D580027C9896}" type="parTrans" cxnId="{029D2434-4FCB-4254-8F67-EF037C8C551B}">
      <dgm:prSet/>
      <dgm:spPr/>
      <dgm:t>
        <a:bodyPr/>
        <a:lstStyle/>
        <a:p>
          <a:endParaRPr lang="en-GB"/>
        </a:p>
      </dgm:t>
    </dgm:pt>
    <dgm:pt modelId="{D0F5158F-3DF2-4A3C-BEE9-07B168462418}" type="sibTrans" cxnId="{029D2434-4FCB-4254-8F67-EF037C8C551B}">
      <dgm:prSet/>
      <dgm:spPr/>
      <dgm:t>
        <a:bodyPr/>
        <a:lstStyle/>
        <a:p>
          <a:endParaRPr lang="en-GB"/>
        </a:p>
      </dgm:t>
    </dgm:pt>
    <dgm:pt modelId="{6B8053DD-3C12-4200-8B02-4179C8E76142}">
      <dgm:prSet custT="1"/>
      <dgm:spPr/>
      <dgm:t>
        <a:bodyPr/>
        <a:lstStyle/>
        <a:p>
          <a:pPr rtl="0"/>
          <a:r>
            <a:rPr lang="en-GB" sz="2000" b="1" baseline="0" dirty="0" smtClean="0"/>
            <a:t>Develop content </a:t>
          </a:r>
          <a:endParaRPr lang="en-GB" sz="2000" dirty="0"/>
        </a:p>
      </dgm:t>
    </dgm:pt>
    <dgm:pt modelId="{D56A6516-0A8E-48FD-80B0-583DFB9597E1}" type="parTrans" cxnId="{DD3D6ABF-0A22-484B-A267-6EA2B1D9A479}">
      <dgm:prSet/>
      <dgm:spPr/>
      <dgm:t>
        <a:bodyPr/>
        <a:lstStyle/>
        <a:p>
          <a:endParaRPr lang="en-GB"/>
        </a:p>
      </dgm:t>
    </dgm:pt>
    <dgm:pt modelId="{D31BA65E-889A-42C5-8E4C-CDDD9A0EEE4B}" type="sibTrans" cxnId="{DD3D6ABF-0A22-484B-A267-6EA2B1D9A479}">
      <dgm:prSet/>
      <dgm:spPr/>
      <dgm:t>
        <a:bodyPr/>
        <a:lstStyle/>
        <a:p>
          <a:endParaRPr lang="en-GB"/>
        </a:p>
      </dgm:t>
    </dgm:pt>
    <dgm:pt modelId="{52793CA8-0281-40CF-8331-915156784E8B}">
      <dgm:prSet custT="1"/>
      <dgm:spPr/>
      <dgm:t>
        <a:bodyPr/>
        <a:lstStyle/>
        <a:p>
          <a:pPr rtl="0"/>
          <a:r>
            <a:rPr lang="en-GB" sz="2000" b="1" baseline="0" dirty="0" smtClean="0"/>
            <a:t>Accessibility</a:t>
          </a:r>
          <a:endParaRPr lang="en-GB" sz="2000" dirty="0"/>
        </a:p>
      </dgm:t>
    </dgm:pt>
    <dgm:pt modelId="{9BD1471E-E2AD-4801-89D5-86082F1E5796}" type="parTrans" cxnId="{6C606D92-0C1D-4F6A-9F15-74786AD436F2}">
      <dgm:prSet/>
      <dgm:spPr/>
      <dgm:t>
        <a:bodyPr/>
        <a:lstStyle/>
        <a:p>
          <a:endParaRPr lang="en-GB"/>
        </a:p>
      </dgm:t>
    </dgm:pt>
    <dgm:pt modelId="{F09E745D-8DC7-43DC-914E-4552FF015EC1}" type="sibTrans" cxnId="{6C606D92-0C1D-4F6A-9F15-74786AD436F2}">
      <dgm:prSet/>
      <dgm:spPr/>
      <dgm:t>
        <a:bodyPr/>
        <a:lstStyle/>
        <a:p>
          <a:endParaRPr lang="en-GB"/>
        </a:p>
      </dgm:t>
    </dgm:pt>
    <dgm:pt modelId="{55622EBD-1FB1-46F6-9D74-17CFD5065645}">
      <dgm:prSet custT="1"/>
      <dgm:spPr/>
      <dgm:t>
        <a:bodyPr/>
        <a:lstStyle/>
        <a:p>
          <a:pPr rtl="0"/>
          <a:r>
            <a:rPr lang="en-GB" sz="2000" b="1" baseline="0" dirty="0" smtClean="0"/>
            <a:t>Write project plan</a:t>
          </a:r>
          <a:endParaRPr lang="en-GB" sz="2000" dirty="0"/>
        </a:p>
      </dgm:t>
    </dgm:pt>
    <dgm:pt modelId="{5C88D33B-55E3-47E9-8394-C524C21EC77B}" type="parTrans" cxnId="{D86B4D8F-5C11-4195-8A13-3160774FC468}">
      <dgm:prSet/>
      <dgm:spPr/>
      <dgm:t>
        <a:bodyPr/>
        <a:lstStyle/>
        <a:p>
          <a:endParaRPr lang="en-GB"/>
        </a:p>
      </dgm:t>
    </dgm:pt>
    <dgm:pt modelId="{39987805-2E46-4AD1-96E6-AB40A70E6148}" type="sibTrans" cxnId="{D86B4D8F-5C11-4195-8A13-3160774FC468}">
      <dgm:prSet/>
      <dgm:spPr/>
      <dgm:t>
        <a:bodyPr/>
        <a:lstStyle/>
        <a:p>
          <a:endParaRPr lang="en-GB"/>
        </a:p>
      </dgm:t>
    </dgm:pt>
    <dgm:pt modelId="{008B691B-6860-425B-9C3B-5A9B7A034E52}">
      <dgm:prSet custT="1"/>
      <dgm:spPr/>
      <dgm:t>
        <a:bodyPr/>
        <a:lstStyle/>
        <a:p>
          <a:r>
            <a:rPr lang="en-GB" sz="1600" dirty="0" smtClean="0"/>
            <a:t>Stage of course, mode of study, language and IT skills? Broadband?</a:t>
          </a:r>
          <a:endParaRPr lang="en-GB" sz="1600" dirty="0"/>
        </a:p>
      </dgm:t>
    </dgm:pt>
    <dgm:pt modelId="{A76360E5-FE10-41A6-8AA3-F062720AF206}" type="parTrans" cxnId="{052C81F4-5519-49BD-863E-6A3A477975C3}">
      <dgm:prSet/>
      <dgm:spPr/>
      <dgm:t>
        <a:bodyPr/>
        <a:lstStyle/>
        <a:p>
          <a:endParaRPr lang="en-GB"/>
        </a:p>
      </dgm:t>
    </dgm:pt>
    <dgm:pt modelId="{05E6E7CF-2CEB-4731-85F1-2D871D4FB7D6}" type="sibTrans" cxnId="{052C81F4-5519-49BD-863E-6A3A477975C3}">
      <dgm:prSet/>
      <dgm:spPr/>
      <dgm:t>
        <a:bodyPr/>
        <a:lstStyle/>
        <a:p>
          <a:endParaRPr lang="en-GB"/>
        </a:p>
      </dgm:t>
    </dgm:pt>
    <dgm:pt modelId="{5D00960B-135B-477F-9BCD-2F2A9905EB49}">
      <dgm:prSet custT="1"/>
      <dgm:spPr/>
      <dgm:t>
        <a:bodyPr/>
        <a:lstStyle/>
        <a:p>
          <a:r>
            <a:rPr lang="en-GB" sz="1600" dirty="0" smtClean="0"/>
            <a:t>Set up style guide (useful for teams!)</a:t>
          </a:r>
          <a:endParaRPr lang="en-GB" sz="1600" dirty="0"/>
        </a:p>
      </dgm:t>
    </dgm:pt>
    <dgm:pt modelId="{20D63598-3110-4151-86A7-FBBDBCE075C3}" type="parTrans" cxnId="{80D81CF0-A6C4-4483-B69E-581F45945F05}">
      <dgm:prSet/>
      <dgm:spPr/>
      <dgm:t>
        <a:bodyPr/>
        <a:lstStyle/>
        <a:p>
          <a:endParaRPr lang="en-GB"/>
        </a:p>
      </dgm:t>
    </dgm:pt>
    <dgm:pt modelId="{96081E6B-6390-48AC-BB5B-51F08FAF65D1}" type="sibTrans" cxnId="{80D81CF0-A6C4-4483-B69E-581F45945F05}">
      <dgm:prSet/>
      <dgm:spPr/>
      <dgm:t>
        <a:bodyPr/>
        <a:lstStyle/>
        <a:p>
          <a:endParaRPr lang="en-GB"/>
        </a:p>
      </dgm:t>
    </dgm:pt>
    <dgm:pt modelId="{62AFF551-9E9D-45BA-995D-14B27B279160}">
      <dgm:prSet custT="1"/>
      <dgm:spPr/>
      <dgm:t>
        <a:bodyPr/>
        <a:lstStyle/>
        <a:p>
          <a:r>
            <a:rPr lang="en-GB" sz="1600" dirty="0" smtClean="0"/>
            <a:t>Are all graphics necessary? Clear font, scrolling, institutional marketing?</a:t>
          </a:r>
          <a:endParaRPr lang="en-GB" sz="1600" dirty="0"/>
        </a:p>
      </dgm:t>
    </dgm:pt>
    <dgm:pt modelId="{1C0D5A9F-4691-4E39-90F1-8C518F9B940A}" type="parTrans" cxnId="{5C513F9E-8BE2-4CDA-B8F5-75FC02F46CBF}">
      <dgm:prSet/>
      <dgm:spPr/>
      <dgm:t>
        <a:bodyPr/>
        <a:lstStyle/>
        <a:p>
          <a:endParaRPr lang="en-GB"/>
        </a:p>
      </dgm:t>
    </dgm:pt>
    <dgm:pt modelId="{A2AEF744-6AE5-49E8-9278-CE19982DE840}" type="sibTrans" cxnId="{5C513F9E-8BE2-4CDA-B8F5-75FC02F46CBF}">
      <dgm:prSet/>
      <dgm:spPr/>
      <dgm:t>
        <a:bodyPr/>
        <a:lstStyle/>
        <a:p>
          <a:endParaRPr lang="en-GB"/>
        </a:p>
      </dgm:t>
    </dgm:pt>
    <dgm:pt modelId="{6C35682F-4D93-4CC6-A6ED-442BCDBB057B}">
      <dgm:prSet custT="1"/>
      <dgm:spPr/>
      <dgm:t>
        <a:bodyPr/>
        <a:lstStyle/>
        <a:p>
          <a:r>
            <a:rPr lang="en-GB" sz="1600" dirty="0" smtClean="0"/>
            <a:t>Clear menus, location signposts, platform agnostic, flash player? Test on variety of devices!</a:t>
          </a:r>
          <a:endParaRPr lang="en-GB" sz="1600" dirty="0"/>
        </a:p>
      </dgm:t>
    </dgm:pt>
    <dgm:pt modelId="{663D146E-8CFD-4680-8CA5-959EE03D2252}" type="parTrans" cxnId="{0FE0E1FC-C49E-4899-A41A-FDD1D3E84E72}">
      <dgm:prSet/>
      <dgm:spPr/>
      <dgm:t>
        <a:bodyPr/>
        <a:lstStyle/>
        <a:p>
          <a:endParaRPr lang="en-GB"/>
        </a:p>
      </dgm:t>
    </dgm:pt>
    <dgm:pt modelId="{DCD8E6C9-4014-4E4D-BE2F-BE58B8F36CD9}" type="sibTrans" cxnId="{0FE0E1FC-C49E-4899-A41A-FDD1D3E84E72}">
      <dgm:prSet/>
      <dgm:spPr/>
      <dgm:t>
        <a:bodyPr/>
        <a:lstStyle/>
        <a:p>
          <a:endParaRPr lang="en-GB"/>
        </a:p>
      </dgm:t>
    </dgm:pt>
    <dgm:pt modelId="{4C118F7A-9BE8-442E-9FDC-8B1616CA0D24}">
      <dgm:prSet custT="1"/>
      <dgm:spPr/>
      <dgm:t>
        <a:bodyPr/>
        <a:lstStyle/>
        <a:p>
          <a:r>
            <a:rPr lang="en-GB" sz="1600" dirty="0" smtClean="0"/>
            <a:t>Build from scratch or adapt OERs (or both?). Create storyboard. Copyright?</a:t>
          </a:r>
          <a:endParaRPr lang="en-GB" sz="1600" dirty="0"/>
        </a:p>
      </dgm:t>
    </dgm:pt>
    <dgm:pt modelId="{3A0E91DE-B896-4583-9104-47295A73CB32}" type="parTrans" cxnId="{D4FF55F4-A23D-464F-AAE5-B477EC7EDCE9}">
      <dgm:prSet/>
      <dgm:spPr/>
      <dgm:t>
        <a:bodyPr/>
        <a:lstStyle/>
        <a:p>
          <a:endParaRPr lang="en-GB"/>
        </a:p>
      </dgm:t>
    </dgm:pt>
    <dgm:pt modelId="{BD232A74-E919-4F9B-BB57-1371BC892D51}" type="sibTrans" cxnId="{D4FF55F4-A23D-464F-AAE5-B477EC7EDCE9}">
      <dgm:prSet/>
      <dgm:spPr/>
      <dgm:t>
        <a:bodyPr/>
        <a:lstStyle/>
        <a:p>
          <a:endParaRPr lang="en-GB"/>
        </a:p>
      </dgm:t>
    </dgm:pt>
    <dgm:pt modelId="{4C07C3AF-F954-4262-B212-D2DE37F65109}">
      <dgm:prSet custT="1"/>
      <dgm:spPr/>
      <dgm:t>
        <a:bodyPr/>
        <a:lstStyle/>
        <a:p>
          <a:r>
            <a:rPr lang="en-GB" sz="1600" dirty="0" smtClean="0"/>
            <a:t>Consult specialists at all stages. If none in institution, use external organisations. Build in from start!</a:t>
          </a:r>
          <a:endParaRPr lang="en-GB" sz="1600" dirty="0"/>
        </a:p>
      </dgm:t>
    </dgm:pt>
    <dgm:pt modelId="{3F6164D3-A751-4F50-B8EB-1F87FECE7C2F}" type="parTrans" cxnId="{080A20F0-8EA1-4D82-93A4-3BDB14080897}">
      <dgm:prSet/>
      <dgm:spPr/>
      <dgm:t>
        <a:bodyPr/>
        <a:lstStyle/>
        <a:p>
          <a:endParaRPr lang="en-GB"/>
        </a:p>
      </dgm:t>
    </dgm:pt>
    <dgm:pt modelId="{1427E4C3-25A5-4FB4-99FF-9E25AD5A292A}" type="sibTrans" cxnId="{080A20F0-8EA1-4D82-93A4-3BDB14080897}">
      <dgm:prSet/>
      <dgm:spPr/>
      <dgm:t>
        <a:bodyPr/>
        <a:lstStyle/>
        <a:p>
          <a:endParaRPr lang="en-GB"/>
        </a:p>
      </dgm:t>
    </dgm:pt>
    <dgm:pt modelId="{A29D07AE-507D-46C8-98BF-398945E6AC4D}">
      <dgm:prSet custT="1"/>
      <dgm:spPr/>
      <dgm:t>
        <a:bodyPr/>
        <a:lstStyle/>
        <a:p>
          <a:r>
            <a:rPr lang="en-GB" sz="1600" dirty="0" smtClean="0"/>
            <a:t>With timeline (Gantt chart), build in time for revision!</a:t>
          </a:r>
          <a:endParaRPr lang="en-GB" sz="1600" dirty="0"/>
        </a:p>
      </dgm:t>
    </dgm:pt>
    <dgm:pt modelId="{DA69DC03-495E-4734-9A88-5CA15F169539}" type="parTrans" cxnId="{693F036C-C4A6-494C-914C-E21450EC81F6}">
      <dgm:prSet/>
      <dgm:spPr/>
      <dgm:t>
        <a:bodyPr/>
        <a:lstStyle/>
        <a:p>
          <a:endParaRPr lang="en-GB"/>
        </a:p>
      </dgm:t>
    </dgm:pt>
    <dgm:pt modelId="{38512A1C-465F-4ED7-80A7-A97E0D3CA584}" type="sibTrans" cxnId="{693F036C-C4A6-494C-914C-E21450EC81F6}">
      <dgm:prSet/>
      <dgm:spPr/>
      <dgm:t>
        <a:bodyPr/>
        <a:lstStyle/>
        <a:p>
          <a:endParaRPr lang="en-GB"/>
        </a:p>
      </dgm:t>
    </dgm:pt>
    <dgm:pt modelId="{83163328-F84B-4A8F-88A8-5D8901E2E18D}" type="pres">
      <dgm:prSet presAssocID="{EECDE213-BDEB-4AF2-8AEA-8C29C566F551}" presName="linear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2055D429-D71C-4511-96EF-0AF2345AAB9E}" type="pres">
      <dgm:prSet presAssocID="{98737210-626F-452E-A621-AA732A77126F}" presName="parentLin" presStyleCnt="0"/>
      <dgm:spPr/>
    </dgm:pt>
    <dgm:pt modelId="{0C1CC220-69A2-43F9-98B8-31F552993D38}" type="pres">
      <dgm:prSet presAssocID="{98737210-626F-452E-A621-AA732A77126F}" presName="parentLeftMargin" presStyleLbl="node1" presStyleIdx="0" presStyleCnt="7"/>
      <dgm:spPr/>
      <dgm:t>
        <a:bodyPr/>
        <a:lstStyle/>
        <a:p>
          <a:endParaRPr lang="en-GB"/>
        </a:p>
      </dgm:t>
    </dgm:pt>
    <dgm:pt modelId="{42B52CBD-7C96-4D5B-94BC-7E52E9F09619}" type="pres">
      <dgm:prSet presAssocID="{98737210-626F-452E-A621-AA732A77126F}" presName="parentText" presStyleLbl="node1" presStyleIdx="0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F0983A8E-80F8-4C8E-B1D8-0A88755A2DF4}" type="pres">
      <dgm:prSet presAssocID="{98737210-626F-452E-A621-AA732A77126F}" presName="negativeSpace" presStyleCnt="0"/>
      <dgm:spPr/>
    </dgm:pt>
    <dgm:pt modelId="{E0BBBED8-C8C0-4C8E-A12F-AA942D68AC16}" type="pres">
      <dgm:prSet presAssocID="{98737210-626F-452E-A621-AA732A77126F}" presName="childText" presStyleLbl="conFgAcc1" presStyleIdx="0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DE20B07-6C88-4EED-A52B-18983E7CAB33}" type="pres">
      <dgm:prSet presAssocID="{469ABB3E-3530-4094-9A0C-1209D93990D0}" presName="spaceBetweenRectangles" presStyleCnt="0"/>
      <dgm:spPr/>
    </dgm:pt>
    <dgm:pt modelId="{9253C3A5-8FC3-4444-8A3F-618D444209A5}" type="pres">
      <dgm:prSet presAssocID="{125EB981-3036-4152-B772-C0EA18E7014D}" presName="parentLin" presStyleCnt="0"/>
      <dgm:spPr/>
    </dgm:pt>
    <dgm:pt modelId="{28C6A1F2-04E0-4DDF-923C-9A670D304662}" type="pres">
      <dgm:prSet presAssocID="{125EB981-3036-4152-B772-C0EA18E7014D}" presName="parentLeftMargin" presStyleLbl="node1" presStyleIdx="0" presStyleCnt="7"/>
      <dgm:spPr/>
      <dgm:t>
        <a:bodyPr/>
        <a:lstStyle/>
        <a:p>
          <a:endParaRPr lang="en-GB"/>
        </a:p>
      </dgm:t>
    </dgm:pt>
    <dgm:pt modelId="{723DD7D5-D0CA-45D0-8147-7D81E720FCE2}" type="pres">
      <dgm:prSet presAssocID="{125EB981-3036-4152-B772-C0EA18E7014D}" presName="parentText" presStyleLbl="node1" presStyleIdx="1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4463A282-8D81-4A79-8D5D-CDFAC08E1C39}" type="pres">
      <dgm:prSet presAssocID="{125EB981-3036-4152-B772-C0EA18E7014D}" presName="negativeSpace" presStyleCnt="0"/>
      <dgm:spPr/>
    </dgm:pt>
    <dgm:pt modelId="{2DE42F01-D850-466F-B2AD-1B3A609A8CF2}" type="pres">
      <dgm:prSet presAssocID="{125EB981-3036-4152-B772-C0EA18E7014D}" presName="childText" presStyleLbl="conFgAcc1" presStyleIdx="1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B39C802C-AC57-4C63-94F6-E2CEABC3CFEA}" type="pres">
      <dgm:prSet presAssocID="{99430754-3D52-4CFC-B495-960FE99D586B}" presName="spaceBetweenRectangles" presStyleCnt="0"/>
      <dgm:spPr/>
    </dgm:pt>
    <dgm:pt modelId="{0346B2AD-A82D-4A96-8C7D-12FF914811DF}" type="pres">
      <dgm:prSet presAssocID="{60618DAF-C6EC-4AFE-A291-F7647B5ED0FA}" presName="parentLin" presStyleCnt="0"/>
      <dgm:spPr/>
    </dgm:pt>
    <dgm:pt modelId="{9367F184-1813-4530-82A1-ECB077511CC3}" type="pres">
      <dgm:prSet presAssocID="{60618DAF-C6EC-4AFE-A291-F7647B5ED0FA}" presName="parentLeftMargin" presStyleLbl="node1" presStyleIdx="1" presStyleCnt="7"/>
      <dgm:spPr/>
      <dgm:t>
        <a:bodyPr/>
        <a:lstStyle/>
        <a:p>
          <a:endParaRPr lang="en-GB"/>
        </a:p>
      </dgm:t>
    </dgm:pt>
    <dgm:pt modelId="{46323268-C7FC-477F-A10D-9F37D11F615D}" type="pres">
      <dgm:prSet presAssocID="{60618DAF-C6EC-4AFE-A291-F7647B5ED0FA}" presName="parentText" presStyleLbl="node1" presStyleIdx="2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D815B2D1-2287-43A5-8D41-6B07E744E8CF}" type="pres">
      <dgm:prSet presAssocID="{60618DAF-C6EC-4AFE-A291-F7647B5ED0FA}" presName="negativeSpace" presStyleCnt="0"/>
      <dgm:spPr/>
    </dgm:pt>
    <dgm:pt modelId="{BDB1CE75-3BDC-47B7-8091-0690B4561F4F}" type="pres">
      <dgm:prSet presAssocID="{60618DAF-C6EC-4AFE-A291-F7647B5ED0FA}" presName="childText" presStyleLbl="conFgAcc1" presStyleIdx="2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10B99EF-7AAB-4C64-8C25-65C7E2A2458D}" type="pres">
      <dgm:prSet presAssocID="{B225F2E9-6B17-450C-A8B2-C0BEAED2CC51}" presName="spaceBetweenRectangles" presStyleCnt="0"/>
      <dgm:spPr/>
    </dgm:pt>
    <dgm:pt modelId="{595583A7-95C5-4064-B442-A2866DDF40C9}" type="pres">
      <dgm:prSet presAssocID="{77ABCDB8-C989-47BA-8FE1-B2589FD2F922}" presName="parentLin" presStyleCnt="0"/>
      <dgm:spPr/>
    </dgm:pt>
    <dgm:pt modelId="{C49FBE9D-BE77-4A29-AE06-91A395F91C3A}" type="pres">
      <dgm:prSet presAssocID="{77ABCDB8-C989-47BA-8FE1-B2589FD2F922}" presName="parentLeftMargin" presStyleLbl="node1" presStyleIdx="2" presStyleCnt="7"/>
      <dgm:spPr/>
      <dgm:t>
        <a:bodyPr/>
        <a:lstStyle/>
        <a:p>
          <a:endParaRPr lang="en-GB"/>
        </a:p>
      </dgm:t>
    </dgm:pt>
    <dgm:pt modelId="{01F1BC55-CADB-4F2A-8BA2-D4C526DCD6C1}" type="pres">
      <dgm:prSet presAssocID="{77ABCDB8-C989-47BA-8FE1-B2589FD2F922}" presName="parentText" presStyleLbl="node1" presStyleIdx="3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D8138A3C-4E72-405A-8847-22EAC053FFDF}" type="pres">
      <dgm:prSet presAssocID="{77ABCDB8-C989-47BA-8FE1-B2589FD2F922}" presName="negativeSpace" presStyleCnt="0"/>
      <dgm:spPr/>
    </dgm:pt>
    <dgm:pt modelId="{9102D140-386E-4764-BC8E-F7F2E449D8E0}" type="pres">
      <dgm:prSet presAssocID="{77ABCDB8-C989-47BA-8FE1-B2589FD2F922}" presName="childText" presStyleLbl="conFgAcc1" presStyleIdx="3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13B65C3D-2094-4602-AF21-9A73E83001DB}" type="pres">
      <dgm:prSet presAssocID="{D0F5158F-3DF2-4A3C-BEE9-07B168462418}" presName="spaceBetweenRectangles" presStyleCnt="0"/>
      <dgm:spPr/>
    </dgm:pt>
    <dgm:pt modelId="{3C6B0660-8FDC-444D-89C6-AADC9C10EA83}" type="pres">
      <dgm:prSet presAssocID="{6B8053DD-3C12-4200-8B02-4179C8E76142}" presName="parentLin" presStyleCnt="0"/>
      <dgm:spPr/>
    </dgm:pt>
    <dgm:pt modelId="{4670F4C9-0EDA-4D79-B1E4-F68DB38DD849}" type="pres">
      <dgm:prSet presAssocID="{6B8053DD-3C12-4200-8B02-4179C8E76142}" presName="parentLeftMargin" presStyleLbl="node1" presStyleIdx="3" presStyleCnt="7"/>
      <dgm:spPr/>
      <dgm:t>
        <a:bodyPr/>
        <a:lstStyle/>
        <a:p>
          <a:endParaRPr lang="en-GB"/>
        </a:p>
      </dgm:t>
    </dgm:pt>
    <dgm:pt modelId="{92CDC687-0F8E-42BC-B2E2-12331A64DB3A}" type="pres">
      <dgm:prSet presAssocID="{6B8053DD-3C12-4200-8B02-4179C8E76142}" presName="parentText" presStyleLbl="node1" presStyleIdx="4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C1CD0B18-E20D-44E9-B1F2-4B8BDF958FB1}" type="pres">
      <dgm:prSet presAssocID="{6B8053DD-3C12-4200-8B02-4179C8E76142}" presName="negativeSpace" presStyleCnt="0"/>
      <dgm:spPr/>
    </dgm:pt>
    <dgm:pt modelId="{C88F2F5E-24F4-428F-90FF-C4B03E89A34A}" type="pres">
      <dgm:prSet presAssocID="{6B8053DD-3C12-4200-8B02-4179C8E76142}" presName="childText" presStyleLbl="conFgAcc1" presStyleIdx="4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EB3BD739-A540-4F4C-8473-B2B1F93F6D21}" type="pres">
      <dgm:prSet presAssocID="{D31BA65E-889A-42C5-8E4C-CDDD9A0EEE4B}" presName="spaceBetweenRectangles" presStyleCnt="0"/>
      <dgm:spPr/>
    </dgm:pt>
    <dgm:pt modelId="{C752594B-E1FA-4DBE-9660-978AAC1B684E}" type="pres">
      <dgm:prSet presAssocID="{52793CA8-0281-40CF-8331-915156784E8B}" presName="parentLin" presStyleCnt="0"/>
      <dgm:spPr/>
    </dgm:pt>
    <dgm:pt modelId="{765AA5C9-A441-4220-9867-2DC064247E33}" type="pres">
      <dgm:prSet presAssocID="{52793CA8-0281-40CF-8331-915156784E8B}" presName="parentLeftMargin" presStyleLbl="node1" presStyleIdx="4" presStyleCnt="7"/>
      <dgm:spPr/>
      <dgm:t>
        <a:bodyPr/>
        <a:lstStyle/>
        <a:p>
          <a:endParaRPr lang="en-GB"/>
        </a:p>
      </dgm:t>
    </dgm:pt>
    <dgm:pt modelId="{7299CB23-EEAF-42F8-A4B1-30D3DA06CF15}" type="pres">
      <dgm:prSet presAssocID="{52793CA8-0281-40CF-8331-915156784E8B}" presName="parentText" presStyleLbl="node1" presStyleIdx="5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735A92C1-67E6-4E95-ACF9-2A11E41BA8E3}" type="pres">
      <dgm:prSet presAssocID="{52793CA8-0281-40CF-8331-915156784E8B}" presName="negativeSpace" presStyleCnt="0"/>
      <dgm:spPr/>
    </dgm:pt>
    <dgm:pt modelId="{82A12C8F-F34B-4B7F-83BB-E8FB461457B6}" type="pres">
      <dgm:prSet presAssocID="{52793CA8-0281-40CF-8331-915156784E8B}" presName="childText" presStyleLbl="conFgAcc1" presStyleIdx="5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9442D8A-5DB0-43E3-8C15-44189CFDFD4E}" type="pres">
      <dgm:prSet presAssocID="{F09E745D-8DC7-43DC-914E-4552FF015EC1}" presName="spaceBetweenRectangles" presStyleCnt="0"/>
      <dgm:spPr/>
    </dgm:pt>
    <dgm:pt modelId="{19D69B51-9932-4616-B458-7ACB833F129C}" type="pres">
      <dgm:prSet presAssocID="{55622EBD-1FB1-46F6-9D74-17CFD5065645}" presName="parentLin" presStyleCnt="0"/>
      <dgm:spPr/>
    </dgm:pt>
    <dgm:pt modelId="{4689145B-EAA1-485A-A130-7D8BE6470185}" type="pres">
      <dgm:prSet presAssocID="{55622EBD-1FB1-46F6-9D74-17CFD5065645}" presName="parentLeftMargin" presStyleLbl="node1" presStyleIdx="5" presStyleCnt="7"/>
      <dgm:spPr/>
      <dgm:t>
        <a:bodyPr/>
        <a:lstStyle/>
        <a:p>
          <a:endParaRPr lang="en-GB"/>
        </a:p>
      </dgm:t>
    </dgm:pt>
    <dgm:pt modelId="{F27E613F-D408-4605-9FD0-377E8266DCD4}" type="pres">
      <dgm:prSet presAssocID="{55622EBD-1FB1-46F6-9D74-17CFD5065645}" presName="parentText" presStyleLbl="node1" presStyleIdx="6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FF46FB1-2924-44AD-A7D3-2714778EB619}" type="pres">
      <dgm:prSet presAssocID="{55622EBD-1FB1-46F6-9D74-17CFD5065645}" presName="negativeSpace" presStyleCnt="0"/>
      <dgm:spPr/>
    </dgm:pt>
    <dgm:pt modelId="{71BD7669-34F7-4968-A5A2-D7182B287A36}" type="pres">
      <dgm:prSet presAssocID="{55622EBD-1FB1-46F6-9D74-17CFD5065645}" presName="childText" presStyleLbl="conFgAcc1" presStyleIdx="6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C6A065EF-0379-409E-A5E8-CC672CD45235}" type="presOf" srcId="{55622EBD-1FB1-46F6-9D74-17CFD5065645}" destId="{F27E613F-D408-4605-9FD0-377E8266DCD4}" srcOrd="1" destOrd="0" presId="urn:microsoft.com/office/officeart/2005/8/layout/list1"/>
    <dgm:cxn modelId="{0A16CF6C-4B69-4534-B376-D75D9F82330B}" srcId="{EECDE213-BDEB-4AF2-8AEA-8C29C566F551}" destId="{98737210-626F-452E-A621-AA732A77126F}" srcOrd="0" destOrd="0" parTransId="{8D8DC1F1-81B7-4918-A60B-C193CBEDFF88}" sibTransId="{469ABB3E-3530-4094-9A0C-1209D93990D0}"/>
    <dgm:cxn modelId="{98FB6E32-363B-43F4-934E-1ACB2294EBE9}" type="presOf" srcId="{52793CA8-0281-40CF-8331-915156784E8B}" destId="{7299CB23-EEAF-42F8-A4B1-30D3DA06CF15}" srcOrd="1" destOrd="0" presId="urn:microsoft.com/office/officeart/2005/8/layout/list1"/>
    <dgm:cxn modelId="{B217454B-9CEF-458B-9C79-3EA6DB4A024C}" type="presOf" srcId="{6B8053DD-3C12-4200-8B02-4179C8E76142}" destId="{92CDC687-0F8E-42BC-B2E2-12331A64DB3A}" srcOrd="1" destOrd="0" presId="urn:microsoft.com/office/officeart/2005/8/layout/list1"/>
    <dgm:cxn modelId="{A9DD2690-6440-48F2-8ECA-D247DEBDED4D}" type="presOf" srcId="{125EB981-3036-4152-B772-C0EA18E7014D}" destId="{28C6A1F2-04E0-4DDF-923C-9A670D304662}" srcOrd="0" destOrd="0" presId="urn:microsoft.com/office/officeart/2005/8/layout/list1"/>
    <dgm:cxn modelId="{9FD407D8-31A3-4029-9B90-3689CF918B0E}" type="presOf" srcId="{60618DAF-C6EC-4AFE-A291-F7647B5ED0FA}" destId="{46323268-C7FC-477F-A10D-9F37D11F615D}" srcOrd="1" destOrd="0" presId="urn:microsoft.com/office/officeart/2005/8/layout/list1"/>
    <dgm:cxn modelId="{C6B75A37-7F3B-46AA-95B5-89281D5B94EC}" type="presOf" srcId="{4C07C3AF-F954-4262-B212-D2DE37F65109}" destId="{82A12C8F-F34B-4B7F-83BB-E8FB461457B6}" srcOrd="0" destOrd="0" presId="urn:microsoft.com/office/officeart/2005/8/layout/list1"/>
    <dgm:cxn modelId="{6C606D92-0C1D-4F6A-9F15-74786AD436F2}" srcId="{EECDE213-BDEB-4AF2-8AEA-8C29C566F551}" destId="{52793CA8-0281-40CF-8331-915156784E8B}" srcOrd="5" destOrd="0" parTransId="{9BD1471E-E2AD-4801-89D5-86082F1E5796}" sibTransId="{F09E745D-8DC7-43DC-914E-4552FF015EC1}"/>
    <dgm:cxn modelId="{09F050A1-6A0C-4666-A1F1-9D324675D4E4}" type="presOf" srcId="{77ABCDB8-C989-47BA-8FE1-B2589FD2F922}" destId="{01F1BC55-CADB-4F2A-8BA2-D4C526DCD6C1}" srcOrd="1" destOrd="0" presId="urn:microsoft.com/office/officeart/2005/8/layout/list1"/>
    <dgm:cxn modelId="{052C81F4-5519-49BD-863E-6A3A477975C3}" srcId="{98737210-626F-452E-A621-AA732A77126F}" destId="{008B691B-6860-425B-9C3B-5A9B7A034E52}" srcOrd="0" destOrd="0" parTransId="{A76360E5-FE10-41A6-8AA3-F062720AF206}" sibTransId="{05E6E7CF-2CEB-4731-85F1-2D871D4FB7D6}"/>
    <dgm:cxn modelId="{236831EC-71CC-400E-A5C0-C5D3C097968B}" type="presOf" srcId="{125EB981-3036-4152-B772-C0EA18E7014D}" destId="{723DD7D5-D0CA-45D0-8147-7D81E720FCE2}" srcOrd="1" destOrd="0" presId="urn:microsoft.com/office/officeart/2005/8/layout/list1"/>
    <dgm:cxn modelId="{D86B4D8F-5C11-4195-8A13-3160774FC468}" srcId="{EECDE213-BDEB-4AF2-8AEA-8C29C566F551}" destId="{55622EBD-1FB1-46F6-9D74-17CFD5065645}" srcOrd="6" destOrd="0" parTransId="{5C88D33B-55E3-47E9-8394-C524C21EC77B}" sibTransId="{39987805-2E46-4AD1-96E6-AB40A70E6148}"/>
    <dgm:cxn modelId="{A18B5E50-000B-4D3C-9E2A-9F061B0BC580}" type="presOf" srcId="{6B8053DD-3C12-4200-8B02-4179C8E76142}" destId="{4670F4C9-0EDA-4D79-B1E4-F68DB38DD849}" srcOrd="0" destOrd="0" presId="urn:microsoft.com/office/officeart/2005/8/layout/list1"/>
    <dgm:cxn modelId="{5C513F9E-8BE2-4CDA-B8F5-75FC02F46CBF}" srcId="{60618DAF-C6EC-4AFE-A291-F7647B5ED0FA}" destId="{62AFF551-9E9D-45BA-995D-14B27B279160}" srcOrd="0" destOrd="0" parTransId="{1C0D5A9F-4691-4E39-90F1-8C518F9B940A}" sibTransId="{A2AEF744-6AE5-49E8-9278-CE19982DE840}"/>
    <dgm:cxn modelId="{37966CA1-0C67-478F-A9BE-2EE66E5540A2}" type="presOf" srcId="{EECDE213-BDEB-4AF2-8AEA-8C29C566F551}" destId="{83163328-F84B-4A8F-88A8-5D8901E2E18D}" srcOrd="0" destOrd="0" presId="urn:microsoft.com/office/officeart/2005/8/layout/list1"/>
    <dgm:cxn modelId="{DE0B901F-09CF-43C4-8444-62F4C0A7828E}" type="presOf" srcId="{55622EBD-1FB1-46F6-9D74-17CFD5065645}" destId="{4689145B-EAA1-485A-A130-7D8BE6470185}" srcOrd="0" destOrd="0" presId="urn:microsoft.com/office/officeart/2005/8/layout/list1"/>
    <dgm:cxn modelId="{575B165B-67F2-40D2-8A28-F50E95571B21}" type="presOf" srcId="{60618DAF-C6EC-4AFE-A291-F7647B5ED0FA}" destId="{9367F184-1813-4530-82A1-ECB077511CC3}" srcOrd="0" destOrd="0" presId="urn:microsoft.com/office/officeart/2005/8/layout/list1"/>
    <dgm:cxn modelId="{F34B40D5-8263-47C4-B7DD-E1833A6FEA11}" type="presOf" srcId="{77ABCDB8-C989-47BA-8FE1-B2589FD2F922}" destId="{C49FBE9D-BE77-4A29-AE06-91A395F91C3A}" srcOrd="0" destOrd="0" presId="urn:microsoft.com/office/officeart/2005/8/layout/list1"/>
    <dgm:cxn modelId="{8B8797A3-DA7D-44D3-9DDF-BD1DC0F4EF8B}" type="presOf" srcId="{62AFF551-9E9D-45BA-995D-14B27B279160}" destId="{BDB1CE75-3BDC-47B7-8091-0690B4561F4F}" srcOrd="0" destOrd="0" presId="urn:microsoft.com/office/officeart/2005/8/layout/list1"/>
    <dgm:cxn modelId="{418E24BD-96F0-4A15-9868-18D6633FBD13}" type="presOf" srcId="{5D00960B-135B-477F-9BCD-2F2A9905EB49}" destId="{2DE42F01-D850-466F-B2AD-1B3A609A8CF2}" srcOrd="0" destOrd="0" presId="urn:microsoft.com/office/officeart/2005/8/layout/list1"/>
    <dgm:cxn modelId="{D33D8B4A-E929-4669-BE28-2735A05B6889}" srcId="{EECDE213-BDEB-4AF2-8AEA-8C29C566F551}" destId="{125EB981-3036-4152-B772-C0EA18E7014D}" srcOrd="1" destOrd="0" parTransId="{07E8A2F9-51BA-42AA-8227-72A6144E39D4}" sibTransId="{99430754-3D52-4CFC-B495-960FE99D586B}"/>
    <dgm:cxn modelId="{0FE0E1FC-C49E-4899-A41A-FDD1D3E84E72}" srcId="{77ABCDB8-C989-47BA-8FE1-B2589FD2F922}" destId="{6C35682F-4D93-4CC6-A6ED-442BCDBB057B}" srcOrd="0" destOrd="0" parTransId="{663D146E-8CFD-4680-8CA5-959EE03D2252}" sibTransId="{DCD8E6C9-4014-4E4D-BE2F-BE58B8F36CD9}"/>
    <dgm:cxn modelId="{101B7B51-AA7D-4B90-A757-7B3C1FEC2D32}" type="presOf" srcId="{6C35682F-4D93-4CC6-A6ED-442BCDBB057B}" destId="{9102D140-386E-4764-BC8E-F7F2E449D8E0}" srcOrd="0" destOrd="0" presId="urn:microsoft.com/office/officeart/2005/8/layout/list1"/>
    <dgm:cxn modelId="{029D2434-4FCB-4254-8F67-EF037C8C551B}" srcId="{EECDE213-BDEB-4AF2-8AEA-8C29C566F551}" destId="{77ABCDB8-C989-47BA-8FE1-B2589FD2F922}" srcOrd="3" destOrd="0" parTransId="{7549CE14-303A-4CCC-9A07-D580027C9896}" sibTransId="{D0F5158F-3DF2-4A3C-BEE9-07B168462418}"/>
    <dgm:cxn modelId="{D87EE62B-5134-42C6-9CDA-E6C9F994A0E6}" type="presOf" srcId="{008B691B-6860-425B-9C3B-5A9B7A034E52}" destId="{E0BBBED8-C8C0-4C8E-A12F-AA942D68AC16}" srcOrd="0" destOrd="0" presId="urn:microsoft.com/office/officeart/2005/8/layout/list1"/>
    <dgm:cxn modelId="{D5775995-38C8-4783-A5B8-956C9B8355C9}" type="presOf" srcId="{4C118F7A-9BE8-442E-9FDC-8B1616CA0D24}" destId="{C88F2F5E-24F4-428F-90FF-C4B03E89A34A}" srcOrd="0" destOrd="0" presId="urn:microsoft.com/office/officeart/2005/8/layout/list1"/>
    <dgm:cxn modelId="{D4FF55F4-A23D-464F-AAE5-B477EC7EDCE9}" srcId="{6B8053DD-3C12-4200-8B02-4179C8E76142}" destId="{4C118F7A-9BE8-442E-9FDC-8B1616CA0D24}" srcOrd="0" destOrd="0" parTransId="{3A0E91DE-B896-4583-9104-47295A73CB32}" sibTransId="{BD232A74-E919-4F9B-BB57-1371BC892D51}"/>
    <dgm:cxn modelId="{80D81CF0-A6C4-4483-B69E-581F45945F05}" srcId="{125EB981-3036-4152-B772-C0EA18E7014D}" destId="{5D00960B-135B-477F-9BCD-2F2A9905EB49}" srcOrd="0" destOrd="0" parTransId="{20D63598-3110-4151-86A7-FBBDBCE075C3}" sibTransId="{96081E6B-6390-48AC-BB5B-51F08FAF65D1}"/>
    <dgm:cxn modelId="{63E5B703-BB61-4809-AED8-195BCED1E1EE}" type="presOf" srcId="{52793CA8-0281-40CF-8331-915156784E8B}" destId="{765AA5C9-A441-4220-9867-2DC064247E33}" srcOrd="0" destOrd="0" presId="urn:microsoft.com/office/officeart/2005/8/layout/list1"/>
    <dgm:cxn modelId="{5E30146F-0DC1-42BA-AF39-9126DE1C7A9F}" type="presOf" srcId="{98737210-626F-452E-A621-AA732A77126F}" destId="{0C1CC220-69A2-43F9-98B8-31F552993D38}" srcOrd="0" destOrd="0" presId="urn:microsoft.com/office/officeart/2005/8/layout/list1"/>
    <dgm:cxn modelId="{A89E17D4-49D6-4473-B2DB-C1ABE8695FFA}" type="presOf" srcId="{98737210-626F-452E-A621-AA732A77126F}" destId="{42B52CBD-7C96-4D5B-94BC-7E52E9F09619}" srcOrd="1" destOrd="0" presId="urn:microsoft.com/office/officeart/2005/8/layout/list1"/>
    <dgm:cxn modelId="{4ABC1847-CB22-4344-849A-73D1E567A535}" srcId="{EECDE213-BDEB-4AF2-8AEA-8C29C566F551}" destId="{60618DAF-C6EC-4AFE-A291-F7647B5ED0FA}" srcOrd="2" destOrd="0" parTransId="{9DFB0AFA-A0E7-4C21-BBA3-7916A6CC3040}" sibTransId="{B225F2E9-6B17-450C-A8B2-C0BEAED2CC51}"/>
    <dgm:cxn modelId="{92617052-368C-4EFD-8EFE-E14607C350A2}" type="presOf" srcId="{A29D07AE-507D-46C8-98BF-398945E6AC4D}" destId="{71BD7669-34F7-4968-A5A2-D7182B287A36}" srcOrd="0" destOrd="0" presId="urn:microsoft.com/office/officeart/2005/8/layout/list1"/>
    <dgm:cxn modelId="{DD3D6ABF-0A22-484B-A267-6EA2B1D9A479}" srcId="{EECDE213-BDEB-4AF2-8AEA-8C29C566F551}" destId="{6B8053DD-3C12-4200-8B02-4179C8E76142}" srcOrd="4" destOrd="0" parTransId="{D56A6516-0A8E-48FD-80B0-583DFB9597E1}" sibTransId="{D31BA65E-889A-42C5-8E4C-CDDD9A0EEE4B}"/>
    <dgm:cxn modelId="{080A20F0-8EA1-4D82-93A4-3BDB14080897}" srcId="{52793CA8-0281-40CF-8331-915156784E8B}" destId="{4C07C3AF-F954-4262-B212-D2DE37F65109}" srcOrd="0" destOrd="0" parTransId="{3F6164D3-A751-4F50-B8EB-1F87FECE7C2F}" sibTransId="{1427E4C3-25A5-4FB4-99FF-9E25AD5A292A}"/>
    <dgm:cxn modelId="{693F036C-C4A6-494C-914C-E21450EC81F6}" srcId="{55622EBD-1FB1-46F6-9D74-17CFD5065645}" destId="{A29D07AE-507D-46C8-98BF-398945E6AC4D}" srcOrd="0" destOrd="0" parTransId="{DA69DC03-495E-4734-9A88-5CA15F169539}" sibTransId="{38512A1C-465F-4ED7-80A7-A97E0D3CA584}"/>
    <dgm:cxn modelId="{DE789887-08D9-439D-AD26-B28C7460A1FB}" type="presParOf" srcId="{83163328-F84B-4A8F-88A8-5D8901E2E18D}" destId="{2055D429-D71C-4511-96EF-0AF2345AAB9E}" srcOrd="0" destOrd="0" presId="urn:microsoft.com/office/officeart/2005/8/layout/list1"/>
    <dgm:cxn modelId="{A10B9B0A-10C7-473A-9E3C-E01792BFA2AC}" type="presParOf" srcId="{2055D429-D71C-4511-96EF-0AF2345AAB9E}" destId="{0C1CC220-69A2-43F9-98B8-31F552993D38}" srcOrd="0" destOrd="0" presId="urn:microsoft.com/office/officeart/2005/8/layout/list1"/>
    <dgm:cxn modelId="{59B7D546-5DFE-4F3D-8894-E6A22524D85C}" type="presParOf" srcId="{2055D429-D71C-4511-96EF-0AF2345AAB9E}" destId="{42B52CBD-7C96-4D5B-94BC-7E52E9F09619}" srcOrd="1" destOrd="0" presId="urn:microsoft.com/office/officeart/2005/8/layout/list1"/>
    <dgm:cxn modelId="{BEC19FE0-4C1B-4676-9FA9-458C8C83D23A}" type="presParOf" srcId="{83163328-F84B-4A8F-88A8-5D8901E2E18D}" destId="{F0983A8E-80F8-4C8E-B1D8-0A88755A2DF4}" srcOrd="1" destOrd="0" presId="urn:microsoft.com/office/officeart/2005/8/layout/list1"/>
    <dgm:cxn modelId="{31250B00-2D64-45D7-A9AF-5AFDFCDFF5F5}" type="presParOf" srcId="{83163328-F84B-4A8F-88A8-5D8901E2E18D}" destId="{E0BBBED8-C8C0-4C8E-A12F-AA942D68AC16}" srcOrd="2" destOrd="0" presId="urn:microsoft.com/office/officeart/2005/8/layout/list1"/>
    <dgm:cxn modelId="{341DB55C-2A01-4C7B-B436-3ED27FD6516A}" type="presParOf" srcId="{83163328-F84B-4A8F-88A8-5D8901E2E18D}" destId="{6DE20B07-6C88-4EED-A52B-18983E7CAB33}" srcOrd="3" destOrd="0" presId="urn:microsoft.com/office/officeart/2005/8/layout/list1"/>
    <dgm:cxn modelId="{071B8BC5-05A5-4046-A109-0ED216DC0A49}" type="presParOf" srcId="{83163328-F84B-4A8F-88A8-5D8901E2E18D}" destId="{9253C3A5-8FC3-4444-8A3F-618D444209A5}" srcOrd="4" destOrd="0" presId="urn:microsoft.com/office/officeart/2005/8/layout/list1"/>
    <dgm:cxn modelId="{175753F9-B842-46FB-86AD-863A36918179}" type="presParOf" srcId="{9253C3A5-8FC3-4444-8A3F-618D444209A5}" destId="{28C6A1F2-04E0-4DDF-923C-9A670D304662}" srcOrd="0" destOrd="0" presId="urn:microsoft.com/office/officeart/2005/8/layout/list1"/>
    <dgm:cxn modelId="{CF3EF419-E6A9-40E9-872C-04B7D2B77425}" type="presParOf" srcId="{9253C3A5-8FC3-4444-8A3F-618D444209A5}" destId="{723DD7D5-D0CA-45D0-8147-7D81E720FCE2}" srcOrd="1" destOrd="0" presId="urn:microsoft.com/office/officeart/2005/8/layout/list1"/>
    <dgm:cxn modelId="{B3498086-1530-4DBF-8A48-3AECF8CBDCBA}" type="presParOf" srcId="{83163328-F84B-4A8F-88A8-5D8901E2E18D}" destId="{4463A282-8D81-4A79-8D5D-CDFAC08E1C39}" srcOrd="5" destOrd="0" presId="urn:microsoft.com/office/officeart/2005/8/layout/list1"/>
    <dgm:cxn modelId="{90FB2883-19AE-4146-AC3C-A24BEC4AA5D7}" type="presParOf" srcId="{83163328-F84B-4A8F-88A8-5D8901E2E18D}" destId="{2DE42F01-D850-466F-B2AD-1B3A609A8CF2}" srcOrd="6" destOrd="0" presId="urn:microsoft.com/office/officeart/2005/8/layout/list1"/>
    <dgm:cxn modelId="{B7DFE271-D545-449C-9BEC-402DDEB1198F}" type="presParOf" srcId="{83163328-F84B-4A8F-88A8-5D8901E2E18D}" destId="{B39C802C-AC57-4C63-94F6-E2CEABC3CFEA}" srcOrd="7" destOrd="0" presId="urn:microsoft.com/office/officeart/2005/8/layout/list1"/>
    <dgm:cxn modelId="{AD7466AB-AFA3-4B2F-BF32-8EDE343EEE9D}" type="presParOf" srcId="{83163328-F84B-4A8F-88A8-5D8901E2E18D}" destId="{0346B2AD-A82D-4A96-8C7D-12FF914811DF}" srcOrd="8" destOrd="0" presId="urn:microsoft.com/office/officeart/2005/8/layout/list1"/>
    <dgm:cxn modelId="{1EACB236-02F9-43BE-A4C7-FAACBFA2146D}" type="presParOf" srcId="{0346B2AD-A82D-4A96-8C7D-12FF914811DF}" destId="{9367F184-1813-4530-82A1-ECB077511CC3}" srcOrd="0" destOrd="0" presId="urn:microsoft.com/office/officeart/2005/8/layout/list1"/>
    <dgm:cxn modelId="{629ECE9B-7673-4886-920D-18A65BD48C70}" type="presParOf" srcId="{0346B2AD-A82D-4A96-8C7D-12FF914811DF}" destId="{46323268-C7FC-477F-A10D-9F37D11F615D}" srcOrd="1" destOrd="0" presId="urn:microsoft.com/office/officeart/2005/8/layout/list1"/>
    <dgm:cxn modelId="{64B56B00-7572-4F9F-90F2-18367736F0CC}" type="presParOf" srcId="{83163328-F84B-4A8F-88A8-5D8901E2E18D}" destId="{D815B2D1-2287-43A5-8D41-6B07E744E8CF}" srcOrd="9" destOrd="0" presId="urn:microsoft.com/office/officeart/2005/8/layout/list1"/>
    <dgm:cxn modelId="{8AA9B68C-4015-4EA8-833C-4C7E9EC5AD67}" type="presParOf" srcId="{83163328-F84B-4A8F-88A8-5D8901E2E18D}" destId="{BDB1CE75-3BDC-47B7-8091-0690B4561F4F}" srcOrd="10" destOrd="0" presId="urn:microsoft.com/office/officeart/2005/8/layout/list1"/>
    <dgm:cxn modelId="{5877CB43-FAC0-47E3-A2FF-B5A4CFCB5BDA}" type="presParOf" srcId="{83163328-F84B-4A8F-88A8-5D8901E2E18D}" destId="{610B99EF-7AAB-4C64-8C25-65C7E2A2458D}" srcOrd="11" destOrd="0" presId="urn:microsoft.com/office/officeart/2005/8/layout/list1"/>
    <dgm:cxn modelId="{957A9211-A489-4FB0-875B-719BE8E07FF4}" type="presParOf" srcId="{83163328-F84B-4A8F-88A8-5D8901E2E18D}" destId="{595583A7-95C5-4064-B442-A2866DDF40C9}" srcOrd="12" destOrd="0" presId="urn:microsoft.com/office/officeart/2005/8/layout/list1"/>
    <dgm:cxn modelId="{719A41FE-757B-4252-927F-3D41A5D74675}" type="presParOf" srcId="{595583A7-95C5-4064-B442-A2866DDF40C9}" destId="{C49FBE9D-BE77-4A29-AE06-91A395F91C3A}" srcOrd="0" destOrd="0" presId="urn:microsoft.com/office/officeart/2005/8/layout/list1"/>
    <dgm:cxn modelId="{A1D41F1E-0D53-43A0-9542-575E6DE1C1E7}" type="presParOf" srcId="{595583A7-95C5-4064-B442-A2866DDF40C9}" destId="{01F1BC55-CADB-4F2A-8BA2-D4C526DCD6C1}" srcOrd="1" destOrd="0" presId="urn:microsoft.com/office/officeart/2005/8/layout/list1"/>
    <dgm:cxn modelId="{58019F46-F0BC-4211-969C-7BF3E7C94219}" type="presParOf" srcId="{83163328-F84B-4A8F-88A8-5D8901E2E18D}" destId="{D8138A3C-4E72-405A-8847-22EAC053FFDF}" srcOrd="13" destOrd="0" presId="urn:microsoft.com/office/officeart/2005/8/layout/list1"/>
    <dgm:cxn modelId="{E3816FC0-8511-4CF7-8D9F-BA76E984D7D9}" type="presParOf" srcId="{83163328-F84B-4A8F-88A8-5D8901E2E18D}" destId="{9102D140-386E-4764-BC8E-F7F2E449D8E0}" srcOrd="14" destOrd="0" presId="urn:microsoft.com/office/officeart/2005/8/layout/list1"/>
    <dgm:cxn modelId="{EF7A9B5C-560B-47CE-BC96-C31A6D58A603}" type="presParOf" srcId="{83163328-F84B-4A8F-88A8-5D8901E2E18D}" destId="{13B65C3D-2094-4602-AF21-9A73E83001DB}" srcOrd="15" destOrd="0" presId="urn:microsoft.com/office/officeart/2005/8/layout/list1"/>
    <dgm:cxn modelId="{A322CB2F-4BDC-4C99-ADCA-9E70A815636B}" type="presParOf" srcId="{83163328-F84B-4A8F-88A8-5D8901E2E18D}" destId="{3C6B0660-8FDC-444D-89C6-AADC9C10EA83}" srcOrd="16" destOrd="0" presId="urn:microsoft.com/office/officeart/2005/8/layout/list1"/>
    <dgm:cxn modelId="{39DB5C92-46AB-45D0-B2A6-E1279254711D}" type="presParOf" srcId="{3C6B0660-8FDC-444D-89C6-AADC9C10EA83}" destId="{4670F4C9-0EDA-4D79-B1E4-F68DB38DD849}" srcOrd="0" destOrd="0" presId="urn:microsoft.com/office/officeart/2005/8/layout/list1"/>
    <dgm:cxn modelId="{8B97E28A-281E-438C-93FB-0B77A86A3B05}" type="presParOf" srcId="{3C6B0660-8FDC-444D-89C6-AADC9C10EA83}" destId="{92CDC687-0F8E-42BC-B2E2-12331A64DB3A}" srcOrd="1" destOrd="0" presId="urn:microsoft.com/office/officeart/2005/8/layout/list1"/>
    <dgm:cxn modelId="{D40F63E7-78CE-418A-B51E-EBEB4C4E15DA}" type="presParOf" srcId="{83163328-F84B-4A8F-88A8-5D8901E2E18D}" destId="{C1CD0B18-E20D-44E9-B1F2-4B8BDF958FB1}" srcOrd="17" destOrd="0" presId="urn:microsoft.com/office/officeart/2005/8/layout/list1"/>
    <dgm:cxn modelId="{019DD5C3-72CB-4D43-82B1-415F11768185}" type="presParOf" srcId="{83163328-F84B-4A8F-88A8-5D8901E2E18D}" destId="{C88F2F5E-24F4-428F-90FF-C4B03E89A34A}" srcOrd="18" destOrd="0" presId="urn:microsoft.com/office/officeart/2005/8/layout/list1"/>
    <dgm:cxn modelId="{7D5B02D8-3B8A-4DE0-8672-A2378715BE4E}" type="presParOf" srcId="{83163328-F84B-4A8F-88A8-5D8901E2E18D}" destId="{EB3BD739-A540-4F4C-8473-B2B1F93F6D21}" srcOrd="19" destOrd="0" presId="urn:microsoft.com/office/officeart/2005/8/layout/list1"/>
    <dgm:cxn modelId="{308CA704-647A-4BF3-9F24-2E4E0A8A7C59}" type="presParOf" srcId="{83163328-F84B-4A8F-88A8-5D8901E2E18D}" destId="{C752594B-E1FA-4DBE-9660-978AAC1B684E}" srcOrd="20" destOrd="0" presId="urn:microsoft.com/office/officeart/2005/8/layout/list1"/>
    <dgm:cxn modelId="{088F910B-75F7-4BD1-9B59-7CBC66E13D98}" type="presParOf" srcId="{C752594B-E1FA-4DBE-9660-978AAC1B684E}" destId="{765AA5C9-A441-4220-9867-2DC064247E33}" srcOrd="0" destOrd="0" presId="urn:microsoft.com/office/officeart/2005/8/layout/list1"/>
    <dgm:cxn modelId="{D7706E63-3D64-40C4-87BC-7FAA92C49273}" type="presParOf" srcId="{C752594B-E1FA-4DBE-9660-978AAC1B684E}" destId="{7299CB23-EEAF-42F8-A4B1-30D3DA06CF15}" srcOrd="1" destOrd="0" presId="urn:microsoft.com/office/officeart/2005/8/layout/list1"/>
    <dgm:cxn modelId="{1A5AEEC2-7353-4613-80DF-F76570A8C1EC}" type="presParOf" srcId="{83163328-F84B-4A8F-88A8-5D8901E2E18D}" destId="{735A92C1-67E6-4E95-ACF9-2A11E41BA8E3}" srcOrd="21" destOrd="0" presId="urn:microsoft.com/office/officeart/2005/8/layout/list1"/>
    <dgm:cxn modelId="{D232F5FF-0934-495D-93AD-B842A05E12D4}" type="presParOf" srcId="{83163328-F84B-4A8F-88A8-5D8901E2E18D}" destId="{82A12C8F-F34B-4B7F-83BB-E8FB461457B6}" srcOrd="22" destOrd="0" presId="urn:microsoft.com/office/officeart/2005/8/layout/list1"/>
    <dgm:cxn modelId="{35367E27-5A48-426A-B329-9663E3EE05C9}" type="presParOf" srcId="{83163328-F84B-4A8F-88A8-5D8901E2E18D}" destId="{69442D8A-5DB0-43E3-8C15-44189CFDFD4E}" srcOrd="23" destOrd="0" presId="urn:microsoft.com/office/officeart/2005/8/layout/list1"/>
    <dgm:cxn modelId="{63F7D7DE-1AAD-4B74-91C2-C7011CCB64F2}" type="presParOf" srcId="{83163328-F84B-4A8F-88A8-5D8901E2E18D}" destId="{19D69B51-9932-4616-B458-7ACB833F129C}" srcOrd="24" destOrd="0" presId="urn:microsoft.com/office/officeart/2005/8/layout/list1"/>
    <dgm:cxn modelId="{D8A3F85E-E77D-4A75-832B-75792B278504}" type="presParOf" srcId="{19D69B51-9932-4616-B458-7ACB833F129C}" destId="{4689145B-EAA1-485A-A130-7D8BE6470185}" srcOrd="0" destOrd="0" presId="urn:microsoft.com/office/officeart/2005/8/layout/list1"/>
    <dgm:cxn modelId="{C58BCB4B-68C3-44CC-8152-C6F88AA9000A}" type="presParOf" srcId="{19D69B51-9932-4616-B458-7ACB833F129C}" destId="{F27E613F-D408-4605-9FD0-377E8266DCD4}" srcOrd="1" destOrd="0" presId="urn:microsoft.com/office/officeart/2005/8/layout/list1"/>
    <dgm:cxn modelId="{AB6CF0A0-D4FA-4B74-AB53-AC278ABBFF9E}" type="presParOf" srcId="{83163328-F84B-4A8F-88A8-5D8901E2E18D}" destId="{6FF46FB1-2924-44AD-A7D3-2714778EB619}" srcOrd="25" destOrd="0" presId="urn:microsoft.com/office/officeart/2005/8/layout/list1"/>
    <dgm:cxn modelId="{7E2774F3-9467-4E60-968C-321B26F99372}" type="presParOf" srcId="{83163328-F84B-4A8F-88A8-5D8901E2E18D}" destId="{71BD7669-34F7-4968-A5A2-D7182B287A36}" srcOrd="26" destOrd="0" presId="urn:microsoft.com/office/officeart/2005/8/layout/list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B5B792D2-9240-4FE8-988C-45033F0CCEDA}" type="doc">
      <dgm:prSet loTypeId="urn:microsoft.com/office/officeart/2005/8/layout/matrix3" loCatId="matrix" qsTypeId="urn:microsoft.com/office/officeart/2005/8/quickstyle/simple1" qsCatId="simple" csTypeId="urn:microsoft.com/office/officeart/2005/8/colors/accent2_5" csCatId="accent2" phldr="1"/>
      <dgm:spPr/>
      <dgm:t>
        <a:bodyPr/>
        <a:lstStyle/>
        <a:p>
          <a:endParaRPr lang="en-GB"/>
        </a:p>
      </dgm:t>
    </dgm:pt>
    <dgm:pt modelId="{7F513AE2-301A-405F-8331-CF1F9A3100DF}">
      <dgm:prSet/>
      <dgm:spPr/>
      <dgm:t>
        <a:bodyPr/>
        <a:lstStyle/>
        <a:p>
          <a:pPr rtl="0"/>
          <a:r>
            <a:rPr lang="en-GB" sz="1800" baseline="0" dirty="0" smtClean="0"/>
            <a:t>Professional</a:t>
          </a:r>
          <a:endParaRPr lang="en-GB" sz="1800" dirty="0"/>
        </a:p>
      </dgm:t>
    </dgm:pt>
    <dgm:pt modelId="{3F9AE824-F934-4713-9E52-EB6E7E234453}" type="parTrans" cxnId="{1BE3EBA9-6BFF-40EB-974E-0B05C3386C80}">
      <dgm:prSet/>
      <dgm:spPr/>
      <dgm:t>
        <a:bodyPr/>
        <a:lstStyle/>
        <a:p>
          <a:endParaRPr lang="en-GB"/>
        </a:p>
      </dgm:t>
    </dgm:pt>
    <dgm:pt modelId="{63658062-94A5-4C1A-9A7E-115E512CA87B}" type="sibTrans" cxnId="{1BE3EBA9-6BFF-40EB-974E-0B05C3386C80}">
      <dgm:prSet/>
      <dgm:spPr/>
      <dgm:t>
        <a:bodyPr/>
        <a:lstStyle/>
        <a:p>
          <a:endParaRPr lang="en-GB"/>
        </a:p>
      </dgm:t>
    </dgm:pt>
    <dgm:pt modelId="{F3BF0235-2850-41E5-9D6C-817C7272C77C}">
      <dgm:prSet custT="1"/>
      <dgm:spPr/>
      <dgm:t>
        <a:bodyPr/>
        <a:lstStyle/>
        <a:p>
          <a:pPr rtl="0"/>
          <a:r>
            <a:rPr lang="en-GB" sz="1800" dirty="0" smtClean="0"/>
            <a:t>ACRL framework</a:t>
          </a:r>
          <a:endParaRPr lang="en-GB" sz="1800" dirty="0"/>
        </a:p>
      </dgm:t>
    </dgm:pt>
    <dgm:pt modelId="{0827AD6D-20B3-4F77-B121-38859CDDB363}" type="parTrans" cxnId="{CBEAEEC7-CEEE-4A5D-8207-B4F8769575FB}">
      <dgm:prSet/>
      <dgm:spPr/>
      <dgm:t>
        <a:bodyPr/>
        <a:lstStyle/>
        <a:p>
          <a:endParaRPr lang="en-GB"/>
        </a:p>
      </dgm:t>
    </dgm:pt>
    <dgm:pt modelId="{559B58E5-A3E6-4C61-8888-C1568A5040C1}" type="sibTrans" cxnId="{CBEAEEC7-CEEE-4A5D-8207-B4F8769575FB}">
      <dgm:prSet/>
      <dgm:spPr/>
      <dgm:t>
        <a:bodyPr/>
        <a:lstStyle/>
        <a:p>
          <a:endParaRPr lang="en-GB"/>
        </a:p>
      </dgm:t>
    </dgm:pt>
    <dgm:pt modelId="{DEC867E4-6736-4B28-B41F-A1A48B7E309D}">
      <dgm:prSet custT="1"/>
      <dgm:spPr/>
      <dgm:t>
        <a:bodyPr/>
        <a:lstStyle/>
        <a:p>
          <a:pPr rtl="0"/>
          <a:r>
            <a:rPr lang="en-GB" sz="1800" baseline="0" dirty="0" smtClean="0"/>
            <a:t>Institutional</a:t>
          </a:r>
          <a:endParaRPr lang="en-GB" sz="1800" dirty="0"/>
        </a:p>
      </dgm:t>
    </dgm:pt>
    <dgm:pt modelId="{C1EC44D1-51A1-49E2-A65D-90F283C79289}" type="parTrans" cxnId="{6FEF7CCE-375C-4E04-A3BF-3D76D59F8628}">
      <dgm:prSet/>
      <dgm:spPr/>
      <dgm:t>
        <a:bodyPr/>
        <a:lstStyle/>
        <a:p>
          <a:endParaRPr lang="en-GB"/>
        </a:p>
      </dgm:t>
    </dgm:pt>
    <dgm:pt modelId="{9BEE731F-40F9-42F0-AAB7-F5C701AB7BD0}" type="sibTrans" cxnId="{6FEF7CCE-375C-4E04-A3BF-3D76D59F8628}">
      <dgm:prSet/>
      <dgm:spPr/>
      <dgm:t>
        <a:bodyPr/>
        <a:lstStyle/>
        <a:p>
          <a:endParaRPr lang="en-GB"/>
        </a:p>
      </dgm:t>
    </dgm:pt>
    <dgm:pt modelId="{C655B0FB-6736-45C0-9429-C927964CF67C}">
      <dgm:prSet custT="1"/>
      <dgm:spPr/>
      <dgm:t>
        <a:bodyPr/>
        <a:lstStyle/>
        <a:p>
          <a:pPr rtl="0"/>
          <a:r>
            <a:rPr lang="en-GB" sz="1800" dirty="0" smtClean="0"/>
            <a:t>National Information Literacy Framework Scotland</a:t>
          </a:r>
          <a:endParaRPr lang="en-GB" sz="1800" dirty="0"/>
        </a:p>
      </dgm:t>
    </dgm:pt>
    <dgm:pt modelId="{69179645-5EB8-44C8-9C4C-6A526F1269FC}" type="parTrans" cxnId="{8F7AD614-B850-4139-B6B6-BC32B23C86FF}">
      <dgm:prSet/>
      <dgm:spPr/>
      <dgm:t>
        <a:bodyPr/>
        <a:lstStyle/>
        <a:p>
          <a:endParaRPr lang="en-GB"/>
        </a:p>
      </dgm:t>
    </dgm:pt>
    <dgm:pt modelId="{BB3E0C7B-86D3-448B-9D70-78A66A84DF05}" type="sibTrans" cxnId="{8F7AD614-B850-4139-B6B6-BC32B23C86FF}">
      <dgm:prSet/>
      <dgm:spPr/>
      <dgm:t>
        <a:bodyPr/>
        <a:lstStyle/>
        <a:p>
          <a:endParaRPr lang="en-GB"/>
        </a:p>
      </dgm:t>
    </dgm:pt>
    <dgm:pt modelId="{F234A89D-BC7A-40A1-A927-8F4F6BE46A8E}">
      <dgm:prSet/>
      <dgm:spPr/>
      <dgm:t>
        <a:bodyPr/>
        <a:lstStyle/>
        <a:p>
          <a:endParaRPr lang="en-GB"/>
        </a:p>
      </dgm:t>
    </dgm:pt>
    <dgm:pt modelId="{7CE3A9A0-6CF9-4D69-9794-D4A653B0889F}" type="parTrans" cxnId="{03044832-6F4C-412F-9E34-22C7C4D20B46}">
      <dgm:prSet/>
      <dgm:spPr/>
      <dgm:t>
        <a:bodyPr/>
        <a:lstStyle/>
        <a:p>
          <a:endParaRPr lang="en-GB"/>
        </a:p>
      </dgm:t>
    </dgm:pt>
    <dgm:pt modelId="{14D80C50-07C0-45E7-8033-A5B4B4056DF3}" type="sibTrans" cxnId="{03044832-6F4C-412F-9E34-22C7C4D20B46}">
      <dgm:prSet/>
      <dgm:spPr/>
      <dgm:t>
        <a:bodyPr/>
        <a:lstStyle/>
        <a:p>
          <a:endParaRPr lang="en-GB"/>
        </a:p>
      </dgm:t>
    </dgm:pt>
    <dgm:pt modelId="{A0588D13-7A9E-4E8A-A362-CF23AED5A3D0}">
      <dgm:prSet custT="1"/>
      <dgm:spPr/>
      <dgm:t>
        <a:bodyPr/>
        <a:lstStyle/>
        <a:p>
          <a:pPr rtl="0"/>
          <a:r>
            <a:rPr lang="en-GB" sz="1800" dirty="0" smtClean="0"/>
            <a:t>GCU 21</a:t>
          </a:r>
          <a:r>
            <a:rPr lang="en-GB" sz="1800" baseline="30000" dirty="0" smtClean="0"/>
            <a:t>st</a:t>
          </a:r>
          <a:r>
            <a:rPr lang="en-GB" sz="1800" dirty="0" smtClean="0"/>
            <a:t> Century Graduate Attributes </a:t>
          </a:r>
          <a:endParaRPr lang="en-GB" sz="1800" dirty="0"/>
        </a:p>
      </dgm:t>
    </dgm:pt>
    <dgm:pt modelId="{6ED87529-A74D-4E5E-BD2E-5B7E6CFE9C3F}" type="parTrans" cxnId="{B0F2CBD4-164D-415C-A8FC-F52261549D18}">
      <dgm:prSet/>
      <dgm:spPr/>
      <dgm:t>
        <a:bodyPr/>
        <a:lstStyle/>
        <a:p>
          <a:endParaRPr lang="en-GB"/>
        </a:p>
      </dgm:t>
    </dgm:pt>
    <dgm:pt modelId="{6988D388-DA25-43CD-9B51-8D156C87B60D}" type="sibTrans" cxnId="{B0F2CBD4-164D-415C-A8FC-F52261549D18}">
      <dgm:prSet/>
      <dgm:spPr/>
      <dgm:t>
        <a:bodyPr/>
        <a:lstStyle/>
        <a:p>
          <a:endParaRPr lang="en-GB"/>
        </a:p>
      </dgm:t>
    </dgm:pt>
    <dgm:pt modelId="{0F420499-091F-4FC9-8232-E3AE97DCC76B}">
      <dgm:prSet custT="1"/>
      <dgm:spPr/>
      <dgm:t>
        <a:bodyPr/>
        <a:lstStyle/>
        <a:p>
          <a:pPr rtl="0"/>
          <a:r>
            <a:rPr lang="en-GB" sz="1800" dirty="0" smtClean="0"/>
            <a:t>Graduate</a:t>
          </a:r>
          <a:endParaRPr lang="en-GB" sz="1800" dirty="0"/>
        </a:p>
      </dgm:t>
    </dgm:pt>
    <dgm:pt modelId="{DDA3F5B0-5B6C-45A3-929A-4CD58D5FCC01}" type="parTrans" cxnId="{9333F8ED-C142-47E8-934D-6DE6E36D359F}">
      <dgm:prSet/>
      <dgm:spPr/>
      <dgm:t>
        <a:bodyPr/>
        <a:lstStyle/>
        <a:p>
          <a:endParaRPr lang="en-GB"/>
        </a:p>
      </dgm:t>
    </dgm:pt>
    <dgm:pt modelId="{EFA831E4-5094-4043-A39D-842060B57415}" type="sibTrans" cxnId="{9333F8ED-C142-47E8-934D-6DE6E36D359F}">
      <dgm:prSet/>
      <dgm:spPr/>
      <dgm:t>
        <a:bodyPr/>
        <a:lstStyle/>
        <a:p>
          <a:endParaRPr lang="en-GB"/>
        </a:p>
      </dgm:t>
    </dgm:pt>
    <dgm:pt modelId="{A8F852A5-C24D-4BFD-A8B2-0C2F5F8317C8}">
      <dgm:prSet/>
      <dgm:spPr/>
      <dgm:t>
        <a:bodyPr/>
        <a:lstStyle/>
        <a:p>
          <a:pPr rtl="0"/>
          <a:r>
            <a:rPr lang="en-GB" sz="1800" dirty="0" smtClean="0"/>
            <a:t>National</a:t>
          </a:r>
          <a:endParaRPr lang="en-GB" sz="1800" dirty="0"/>
        </a:p>
      </dgm:t>
    </dgm:pt>
    <dgm:pt modelId="{CFD726DD-63D3-41C5-B7CC-995DCE668592}" type="parTrans" cxnId="{B3678872-5661-4E60-803B-3069E7FA637B}">
      <dgm:prSet/>
      <dgm:spPr/>
      <dgm:t>
        <a:bodyPr/>
        <a:lstStyle/>
        <a:p>
          <a:endParaRPr lang="en-GB"/>
        </a:p>
      </dgm:t>
    </dgm:pt>
    <dgm:pt modelId="{4AFAE226-E19B-479A-A581-669077223EB7}" type="sibTrans" cxnId="{B3678872-5661-4E60-803B-3069E7FA637B}">
      <dgm:prSet/>
      <dgm:spPr/>
      <dgm:t>
        <a:bodyPr/>
        <a:lstStyle/>
        <a:p>
          <a:endParaRPr lang="en-GB"/>
        </a:p>
      </dgm:t>
    </dgm:pt>
    <dgm:pt modelId="{DC36EC71-2AA2-4642-8D0B-FEDB6177CE72}">
      <dgm:prSet custT="1"/>
      <dgm:spPr/>
      <dgm:t>
        <a:bodyPr/>
        <a:lstStyle/>
        <a:p>
          <a:pPr rtl="0"/>
          <a:r>
            <a:rPr lang="en-GB" sz="1800" dirty="0" smtClean="0"/>
            <a:t>Vitae Researcher Development Framework</a:t>
          </a:r>
          <a:endParaRPr lang="en-GB" sz="1800" dirty="0"/>
        </a:p>
      </dgm:t>
    </dgm:pt>
    <dgm:pt modelId="{A0B001E1-4697-4089-A225-9BE1E8F14188}" type="parTrans" cxnId="{339D68A0-EFE6-4715-AFFE-348359C18221}">
      <dgm:prSet/>
      <dgm:spPr/>
      <dgm:t>
        <a:bodyPr/>
        <a:lstStyle/>
        <a:p>
          <a:endParaRPr lang="en-GB"/>
        </a:p>
      </dgm:t>
    </dgm:pt>
    <dgm:pt modelId="{D1F3C611-8A37-42BF-9DD8-CD7E36414A17}" type="sibTrans" cxnId="{339D68A0-EFE6-4715-AFFE-348359C18221}">
      <dgm:prSet/>
      <dgm:spPr/>
      <dgm:t>
        <a:bodyPr/>
        <a:lstStyle/>
        <a:p>
          <a:endParaRPr lang="en-GB"/>
        </a:p>
      </dgm:t>
    </dgm:pt>
    <dgm:pt modelId="{A1C4CAC2-4378-4532-973D-29E4440EF38B}">
      <dgm:prSet custT="1"/>
      <dgm:spPr/>
      <dgm:t>
        <a:bodyPr/>
        <a:lstStyle/>
        <a:p>
          <a:pPr rtl="0"/>
          <a:r>
            <a:rPr lang="en-GB" sz="1800" dirty="0" smtClean="0"/>
            <a:t>SCONUL 7 Pillars </a:t>
          </a:r>
          <a:endParaRPr lang="en-GB" sz="1800" dirty="0"/>
        </a:p>
      </dgm:t>
    </dgm:pt>
    <dgm:pt modelId="{429B321C-0A2D-45CF-A74B-61DA8217E5AA}" type="parTrans" cxnId="{FBC04C6C-A58F-4D57-B81C-A4E37009C939}">
      <dgm:prSet/>
      <dgm:spPr/>
      <dgm:t>
        <a:bodyPr/>
        <a:lstStyle/>
        <a:p>
          <a:endParaRPr lang="en-GB"/>
        </a:p>
      </dgm:t>
    </dgm:pt>
    <dgm:pt modelId="{0F0B8BE9-B757-46B5-B7F7-096B7CAAC9C1}" type="sibTrans" cxnId="{FBC04C6C-A58F-4D57-B81C-A4E37009C939}">
      <dgm:prSet/>
      <dgm:spPr/>
      <dgm:t>
        <a:bodyPr/>
        <a:lstStyle/>
        <a:p>
          <a:endParaRPr lang="en-GB"/>
        </a:p>
      </dgm:t>
    </dgm:pt>
    <dgm:pt modelId="{D3FB9BD6-7561-4D58-99E2-5D2557424CE1}">
      <dgm:prSet custT="1"/>
      <dgm:spPr/>
      <dgm:t>
        <a:bodyPr/>
        <a:lstStyle/>
        <a:p>
          <a:pPr rtl="0"/>
          <a:r>
            <a:rPr lang="en-GB" sz="1800" dirty="0" smtClean="0"/>
            <a:t>BPS Future of Undergraduate Psychology in the UK report</a:t>
          </a:r>
          <a:endParaRPr lang="en-GB" sz="1800" dirty="0"/>
        </a:p>
      </dgm:t>
    </dgm:pt>
    <dgm:pt modelId="{29AE5DAE-2934-4C76-B305-AF5CEA8DCEA6}" type="parTrans" cxnId="{3044EC30-36C0-4CAD-A5F6-1F159C00F1B9}">
      <dgm:prSet/>
      <dgm:spPr/>
      <dgm:t>
        <a:bodyPr/>
        <a:lstStyle/>
        <a:p>
          <a:endParaRPr lang="en-GB"/>
        </a:p>
      </dgm:t>
    </dgm:pt>
    <dgm:pt modelId="{0B8DFB6A-0057-4332-98B5-35328E2DB1F2}" type="sibTrans" cxnId="{3044EC30-36C0-4CAD-A5F6-1F159C00F1B9}">
      <dgm:prSet/>
      <dgm:spPr/>
      <dgm:t>
        <a:bodyPr/>
        <a:lstStyle/>
        <a:p>
          <a:endParaRPr lang="en-GB"/>
        </a:p>
      </dgm:t>
    </dgm:pt>
    <dgm:pt modelId="{F2359792-4E93-4D61-9B80-831C8287C0CC}">
      <dgm:prSet custT="1"/>
      <dgm:spPr/>
      <dgm:t>
        <a:bodyPr/>
        <a:lstStyle/>
        <a:p>
          <a:pPr rtl="0"/>
          <a:r>
            <a:rPr lang="en-GB" sz="1800" dirty="0" smtClean="0"/>
            <a:t>CBI graduate attributes </a:t>
          </a:r>
          <a:endParaRPr lang="en-GB" sz="1800" dirty="0"/>
        </a:p>
      </dgm:t>
    </dgm:pt>
    <dgm:pt modelId="{684AB9D2-6FCB-4444-A638-C43CE39AA264}" type="parTrans" cxnId="{295E6785-C7B7-4D05-93D8-D0CDF7401B29}">
      <dgm:prSet/>
      <dgm:spPr/>
      <dgm:t>
        <a:bodyPr/>
        <a:lstStyle/>
        <a:p>
          <a:endParaRPr lang="en-GB"/>
        </a:p>
      </dgm:t>
    </dgm:pt>
    <dgm:pt modelId="{D37529F4-A3B3-4485-9439-F2504B59907D}" type="sibTrans" cxnId="{295E6785-C7B7-4D05-93D8-D0CDF7401B29}">
      <dgm:prSet/>
      <dgm:spPr/>
      <dgm:t>
        <a:bodyPr/>
        <a:lstStyle/>
        <a:p>
          <a:endParaRPr lang="en-GB"/>
        </a:p>
      </dgm:t>
    </dgm:pt>
    <dgm:pt modelId="{8DC2E9E0-3A6A-4F2A-98A6-DD28F379475B}" type="pres">
      <dgm:prSet presAssocID="{B5B792D2-9240-4FE8-988C-45033F0CCEDA}" presName="matrix" presStyleCnt="0">
        <dgm:presLayoutVars>
          <dgm:chMax val="1"/>
          <dgm:dir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E3DDCFA3-1450-4E08-A0F0-56A7594CEAC5}" type="pres">
      <dgm:prSet presAssocID="{B5B792D2-9240-4FE8-988C-45033F0CCEDA}" presName="diamond" presStyleLbl="bgShp" presStyleIdx="0" presStyleCnt="1"/>
      <dgm:spPr/>
    </dgm:pt>
    <dgm:pt modelId="{30D501D8-C609-47AB-B169-70CC166954A0}" type="pres">
      <dgm:prSet presAssocID="{B5B792D2-9240-4FE8-988C-45033F0CCEDA}" presName="quad1" presStyleLbl="node1" presStyleIdx="0" presStyleCnt="4" custScaleX="109017" custScaleY="111634" custLinFactNeighborX="-8757" custLinFactNeighborY="-17610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8017A0B1-EB04-46BB-BE37-89ECC49075FC}" type="pres">
      <dgm:prSet presAssocID="{B5B792D2-9240-4FE8-988C-45033F0CCEDA}" presName="quad2" presStyleLbl="node1" presStyleIdx="1" presStyleCnt="4" custScaleX="107386" custScaleY="107385" custLinFactNeighborX="8970" custLinFactNeighborY="-16725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4F8274D1-21A0-4E85-AF04-6FBD0719E1F9}" type="pres">
      <dgm:prSet presAssocID="{B5B792D2-9240-4FE8-988C-45033F0CCEDA}" presName="quad3" presStyleLbl="node1" presStyleIdx="2" presStyleCnt="4" custScaleX="109017" custScaleY="112652" custLinFactNeighborX="-4248" custLinFactNeighborY="9017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5E3E3CAC-7D42-4470-B84B-A9ADE82FC625}" type="pres">
      <dgm:prSet presAssocID="{B5B792D2-9240-4FE8-988C-45033F0CCEDA}" presName="quad4" presStyleLbl="node1" presStyleIdx="3" presStyleCnt="4" custScaleX="109015" custScaleY="112768" custLinFactNeighborX="8970" custLinFactNeighborY="8959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339D68A0-EFE6-4715-AFFE-348359C18221}" srcId="{0F420499-091F-4FC9-8232-E3AE97DCC76B}" destId="{DC36EC71-2AA2-4642-8D0B-FEDB6177CE72}" srcOrd="0" destOrd="0" parTransId="{A0B001E1-4697-4089-A225-9BE1E8F14188}" sibTransId="{D1F3C611-8A37-42BF-9DD8-CD7E36414A17}"/>
    <dgm:cxn modelId="{1BE3EBA9-6BFF-40EB-974E-0B05C3386C80}" srcId="{B5B792D2-9240-4FE8-988C-45033F0CCEDA}" destId="{7F513AE2-301A-405F-8331-CF1F9A3100DF}" srcOrd="0" destOrd="0" parTransId="{3F9AE824-F934-4713-9E52-EB6E7E234453}" sibTransId="{63658062-94A5-4C1A-9A7E-115E512CA87B}"/>
    <dgm:cxn modelId="{FBC04C6C-A58F-4D57-B81C-A4E37009C939}" srcId="{A8F852A5-C24D-4BFD-A8B2-0C2F5F8317C8}" destId="{A1C4CAC2-4378-4532-973D-29E4440EF38B}" srcOrd="1" destOrd="0" parTransId="{429B321C-0A2D-45CF-A74B-61DA8217E5AA}" sibTransId="{0F0B8BE9-B757-46B5-B7F7-096B7CAAC9C1}"/>
    <dgm:cxn modelId="{A1893650-AF89-4AD2-8F55-4078C6E5B3F7}" type="presOf" srcId="{B5B792D2-9240-4FE8-988C-45033F0CCEDA}" destId="{8DC2E9E0-3A6A-4F2A-98A6-DD28F379475B}" srcOrd="0" destOrd="0" presId="urn:microsoft.com/office/officeart/2005/8/layout/matrix3"/>
    <dgm:cxn modelId="{B0A631A0-22FE-4C98-92E9-0A94B9EB37B7}" type="presOf" srcId="{A1C4CAC2-4378-4532-973D-29E4440EF38B}" destId="{4F8274D1-21A0-4E85-AF04-6FBD0719E1F9}" srcOrd="0" destOrd="2" presId="urn:microsoft.com/office/officeart/2005/8/layout/matrix3"/>
    <dgm:cxn modelId="{BEBCC6E3-4B99-47E7-9597-720F659A7828}" type="presOf" srcId="{DC36EC71-2AA2-4642-8D0B-FEDB6177CE72}" destId="{5E3E3CAC-7D42-4470-B84B-A9ADE82FC625}" srcOrd="0" destOrd="1" presId="urn:microsoft.com/office/officeart/2005/8/layout/matrix3"/>
    <dgm:cxn modelId="{B0F2CBD4-164D-415C-A8FC-F52261549D18}" srcId="{DEC867E4-6736-4B28-B41F-A1A48B7E309D}" destId="{A0588D13-7A9E-4E8A-A362-CF23AED5A3D0}" srcOrd="0" destOrd="0" parTransId="{6ED87529-A74D-4E5E-BD2E-5B7E6CFE9C3F}" sibTransId="{6988D388-DA25-43CD-9B51-8D156C87B60D}"/>
    <dgm:cxn modelId="{8F7AD614-B850-4139-B6B6-BC32B23C86FF}" srcId="{A8F852A5-C24D-4BFD-A8B2-0C2F5F8317C8}" destId="{C655B0FB-6736-45C0-9429-C927964CF67C}" srcOrd="0" destOrd="0" parTransId="{69179645-5EB8-44C8-9C4C-6A526F1269FC}" sibTransId="{BB3E0C7B-86D3-448B-9D70-78A66A84DF05}"/>
    <dgm:cxn modelId="{E8E15039-C0CD-4B2D-97AD-D362574E2B09}" type="presOf" srcId="{F2359792-4E93-4D61-9B80-831C8287C0CC}" destId="{5E3E3CAC-7D42-4470-B84B-A9ADE82FC625}" srcOrd="0" destOrd="2" presId="urn:microsoft.com/office/officeart/2005/8/layout/matrix3"/>
    <dgm:cxn modelId="{9333F8ED-C142-47E8-934D-6DE6E36D359F}" srcId="{B5B792D2-9240-4FE8-988C-45033F0CCEDA}" destId="{0F420499-091F-4FC9-8232-E3AE97DCC76B}" srcOrd="3" destOrd="0" parTransId="{DDA3F5B0-5B6C-45A3-929A-4CD58D5FCC01}" sibTransId="{EFA831E4-5094-4043-A39D-842060B57415}"/>
    <dgm:cxn modelId="{295E6785-C7B7-4D05-93D8-D0CDF7401B29}" srcId="{0F420499-091F-4FC9-8232-E3AE97DCC76B}" destId="{F2359792-4E93-4D61-9B80-831C8287C0CC}" srcOrd="1" destOrd="0" parTransId="{684AB9D2-6FCB-4444-A638-C43CE39AA264}" sibTransId="{D37529F4-A3B3-4485-9439-F2504B59907D}"/>
    <dgm:cxn modelId="{2E6ACF24-3ABF-477E-B606-C2BD068B3912}" type="presOf" srcId="{DEC867E4-6736-4B28-B41F-A1A48B7E309D}" destId="{8017A0B1-EB04-46BB-BE37-89ECC49075FC}" srcOrd="0" destOrd="0" presId="urn:microsoft.com/office/officeart/2005/8/layout/matrix3"/>
    <dgm:cxn modelId="{3044EC30-36C0-4CAD-A5F6-1F159C00F1B9}" srcId="{7F513AE2-301A-405F-8331-CF1F9A3100DF}" destId="{D3FB9BD6-7561-4D58-99E2-5D2557424CE1}" srcOrd="1" destOrd="0" parTransId="{29AE5DAE-2934-4C76-B305-AF5CEA8DCEA6}" sibTransId="{0B8DFB6A-0057-4332-98B5-35328E2DB1F2}"/>
    <dgm:cxn modelId="{CBEAEEC7-CEEE-4A5D-8207-B4F8769575FB}" srcId="{7F513AE2-301A-405F-8331-CF1F9A3100DF}" destId="{F3BF0235-2850-41E5-9D6C-817C7272C77C}" srcOrd="0" destOrd="0" parTransId="{0827AD6D-20B3-4F77-B121-38859CDDB363}" sibTransId="{559B58E5-A3E6-4C61-8888-C1568A5040C1}"/>
    <dgm:cxn modelId="{6FEF7CCE-375C-4E04-A3BF-3D76D59F8628}" srcId="{B5B792D2-9240-4FE8-988C-45033F0CCEDA}" destId="{DEC867E4-6736-4B28-B41F-A1A48B7E309D}" srcOrd="1" destOrd="0" parTransId="{C1EC44D1-51A1-49E2-A65D-90F283C79289}" sibTransId="{9BEE731F-40F9-42F0-AAB7-F5C701AB7BD0}"/>
    <dgm:cxn modelId="{B3678872-5661-4E60-803B-3069E7FA637B}" srcId="{B5B792D2-9240-4FE8-988C-45033F0CCEDA}" destId="{A8F852A5-C24D-4BFD-A8B2-0C2F5F8317C8}" srcOrd="2" destOrd="0" parTransId="{CFD726DD-63D3-41C5-B7CC-995DCE668592}" sibTransId="{4AFAE226-E19B-479A-A581-669077223EB7}"/>
    <dgm:cxn modelId="{03044832-6F4C-412F-9E34-22C7C4D20B46}" srcId="{B5B792D2-9240-4FE8-988C-45033F0CCEDA}" destId="{F234A89D-BC7A-40A1-A927-8F4F6BE46A8E}" srcOrd="4" destOrd="0" parTransId="{7CE3A9A0-6CF9-4D69-9794-D4A653B0889F}" sibTransId="{14D80C50-07C0-45E7-8033-A5B4B4056DF3}"/>
    <dgm:cxn modelId="{DA152EE9-685C-467F-9633-64DAD360D556}" type="presOf" srcId="{0F420499-091F-4FC9-8232-E3AE97DCC76B}" destId="{5E3E3CAC-7D42-4470-B84B-A9ADE82FC625}" srcOrd="0" destOrd="0" presId="urn:microsoft.com/office/officeart/2005/8/layout/matrix3"/>
    <dgm:cxn modelId="{8D8D2ACD-3171-4E2F-B45F-8BF5A78D192C}" type="presOf" srcId="{7F513AE2-301A-405F-8331-CF1F9A3100DF}" destId="{30D501D8-C609-47AB-B169-70CC166954A0}" srcOrd="0" destOrd="0" presId="urn:microsoft.com/office/officeart/2005/8/layout/matrix3"/>
    <dgm:cxn modelId="{1D5C9EFE-4CAD-4D66-8008-32E18F25140F}" type="presOf" srcId="{A8F852A5-C24D-4BFD-A8B2-0C2F5F8317C8}" destId="{4F8274D1-21A0-4E85-AF04-6FBD0719E1F9}" srcOrd="0" destOrd="0" presId="urn:microsoft.com/office/officeart/2005/8/layout/matrix3"/>
    <dgm:cxn modelId="{6B213833-A703-446C-9604-6AA4EDD8F801}" type="presOf" srcId="{F3BF0235-2850-41E5-9D6C-817C7272C77C}" destId="{30D501D8-C609-47AB-B169-70CC166954A0}" srcOrd="0" destOrd="1" presId="urn:microsoft.com/office/officeart/2005/8/layout/matrix3"/>
    <dgm:cxn modelId="{DA376551-D0A4-4147-AD9A-BCFC26413687}" type="presOf" srcId="{D3FB9BD6-7561-4D58-99E2-5D2557424CE1}" destId="{30D501D8-C609-47AB-B169-70CC166954A0}" srcOrd="0" destOrd="2" presId="urn:microsoft.com/office/officeart/2005/8/layout/matrix3"/>
    <dgm:cxn modelId="{C0249B65-9D31-403D-973F-D15C067054EC}" type="presOf" srcId="{C655B0FB-6736-45C0-9429-C927964CF67C}" destId="{4F8274D1-21A0-4E85-AF04-6FBD0719E1F9}" srcOrd="0" destOrd="1" presId="urn:microsoft.com/office/officeart/2005/8/layout/matrix3"/>
    <dgm:cxn modelId="{15945C65-056A-4990-94A4-733717AEFC5A}" type="presOf" srcId="{A0588D13-7A9E-4E8A-A362-CF23AED5A3D0}" destId="{8017A0B1-EB04-46BB-BE37-89ECC49075FC}" srcOrd="0" destOrd="1" presId="urn:microsoft.com/office/officeart/2005/8/layout/matrix3"/>
    <dgm:cxn modelId="{068485EC-436C-472B-9F07-D57080DFC1E3}" type="presParOf" srcId="{8DC2E9E0-3A6A-4F2A-98A6-DD28F379475B}" destId="{E3DDCFA3-1450-4E08-A0F0-56A7594CEAC5}" srcOrd="0" destOrd="0" presId="urn:microsoft.com/office/officeart/2005/8/layout/matrix3"/>
    <dgm:cxn modelId="{F94991D5-61BC-4DE3-8DF7-942C7B95CAC3}" type="presParOf" srcId="{8DC2E9E0-3A6A-4F2A-98A6-DD28F379475B}" destId="{30D501D8-C609-47AB-B169-70CC166954A0}" srcOrd="1" destOrd="0" presId="urn:microsoft.com/office/officeart/2005/8/layout/matrix3"/>
    <dgm:cxn modelId="{5FD9E519-D4F0-4040-A51A-5FD68FABFBE7}" type="presParOf" srcId="{8DC2E9E0-3A6A-4F2A-98A6-DD28F379475B}" destId="{8017A0B1-EB04-46BB-BE37-89ECC49075FC}" srcOrd="2" destOrd="0" presId="urn:microsoft.com/office/officeart/2005/8/layout/matrix3"/>
    <dgm:cxn modelId="{9D69F149-16C5-4992-A07A-DF62ABB3FC84}" type="presParOf" srcId="{8DC2E9E0-3A6A-4F2A-98A6-DD28F379475B}" destId="{4F8274D1-21A0-4E85-AF04-6FBD0719E1F9}" srcOrd="3" destOrd="0" presId="urn:microsoft.com/office/officeart/2005/8/layout/matrix3"/>
    <dgm:cxn modelId="{60F21484-2B11-4323-BFCC-B18A30E9C406}" type="presParOf" srcId="{8DC2E9E0-3A6A-4F2A-98A6-DD28F379475B}" destId="{5E3E3CAC-7D42-4470-B84B-A9ADE82FC625}" srcOrd="4" destOrd="0" presId="urn:microsoft.com/office/officeart/2005/8/layout/matrix3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6.xml><?xml version="1.0" encoding="utf-8"?>
<dgm:dataModel xmlns:dgm="http://schemas.openxmlformats.org/drawingml/2006/diagram" xmlns:a="http://schemas.openxmlformats.org/drawingml/2006/main">
  <dgm:ptLst>
    <dgm:pt modelId="{F204EF63-26E9-4189-ABFF-606F6B9257DB}" type="doc">
      <dgm:prSet loTypeId="urn:microsoft.com/office/officeart/2005/8/layout/list1" loCatId="list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en-GB"/>
        </a:p>
      </dgm:t>
    </dgm:pt>
    <dgm:pt modelId="{6BC794E4-AAC0-4FC0-B0F1-D43459224EDD}">
      <dgm:prSet custT="1"/>
      <dgm:spPr/>
      <dgm:t>
        <a:bodyPr/>
        <a:lstStyle/>
        <a:p>
          <a:pPr rtl="0"/>
          <a:r>
            <a:rPr lang="en-GB" sz="1600" b="1" baseline="0" dirty="0" smtClean="0">
              <a:latin typeface="+mn-lt"/>
            </a:rPr>
            <a:t>How do you present your course?</a:t>
          </a:r>
          <a:r>
            <a:rPr lang="en-GB" sz="1400" b="1" baseline="0" dirty="0" smtClean="0">
              <a:latin typeface="+mn-lt"/>
            </a:rPr>
            <a:t> </a:t>
          </a:r>
          <a:endParaRPr lang="en-GB" sz="1400" b="1" dirty="0">
            <a:latin typeface="+mn-lt"/>
          </a:endParaRPr>
        </a:p>
      </dgm:t>
    </dgm:pt>
    <dgm:pt modelId="{9FBE5626-61DF-411D-9010-652F2B8AC355}" type="parTrans" cxnId="{ECDBE1E5-6703-47B7-A5CA-2992AFACDF67}">
      <dgm:prSet/>
      <dgm:spPr/>
      <dgm:t>
        <a:bodyPr/>
        <a:lstStyle/>
        <a:p>
          <a:endParaRPr lang="en-GB"/>
        </a:p>
      </dgm:t>
    </dgm:pt>
    <dgm:pt modelId="{4015BE4F-D23A-427B-89D4-B1BF21AE6B9B}" type="sibTrans" cxnId="{ECDBE1E5-6703-47B7-A5CA-2992AFACDF67}">
      <dgm:prSet/>
      <dgm:spPr/>
      <dgm:t>
        <a:bodyPr/>
        <a:lstStyle/>
        <a:p>
          <a:endParaRPr lang="en-GB"/>
        </a:p>
      </dgm:t>
    </dgm:pt>
    <dgm:pt modelId="{5D5E1B03-5EBA-45BD-B0A9-F9632D91BBF1}">
      <dgm:prSet/>
      <dgm:spPr/>
      <dgm:t>
        <a:bodyPr/>
        <a:lstStyle/>
        <a:p>
          <a:pPr rtl="0"/>
          <a:r>
            <a:rPr lang="en-GB" smtClean="0"/>
            <a:t>simple HTML web pages</a:t>
          </a:r>
          <a:endParaRPr lang="en-GB"/>
        </a:p>
      </dgm:t>
    </dgm:pt>
    <dgm:pt modelId="{F9A9BE15-3632-45FB-9864-03E80ABA398E}" type="parTrans" cxnId="{3992E156-B4AB-464C-B1CD-A5E2DB17E16C}">
      <dgm:prSet/>
      <dgm:spPr/>
      <dgm:t>
        <a:bodyPr/>
        <a:lstStyle/>
        <a:p>
          <a:endParaRPr lang="en-GB"/>
        </a:p>
      </dgm:t>
    </dgm:pt>
    <dgm:pt modelId="{8D796EA9-B1F1-4D89-97AF-9AF5103AB77A}" type="sibTrans" cxnId="{3992E156-B4AB-464C-B1CD-A5E2DB17E16C}">
      <dgm:prSet/>
      <dgm:spPr/>
      <dgm:t>
        <a:bodyPr/>
        <a:lstStyle/>
        <a:p>
          <a:endParaRPr lang="en-GB"/>
        </a:p>
      </dgm:t>
    </dgm:pt>
    <dgm:pt modelId="{5BD6F12A-00C7-4081-BE1B-079AA79171F1}">
      <dgm:prSet/>
      <dgm:spPr/>
      <dgm:t>
        <a:bodyPr/>
        <a:lstStyle/>
        <a:p>
          <a:pPr rtl="0"/>
          <a:r>
            <a:rPr lang="en-GB" smtClean="0"/>
            <a:t>presentation software like iSpring, Xerte or Articulate</a:t>
          </a:r>
          <a:endParaRPr lang="en-GB"/>
        </a:p>
      </dgm:t>
    </dgm:pt>
    <dgm:pt modelId="{894DEB80-05B1-479D-B552-F62D9BAA325F}" type="parTrans" cxnId="{E3888FD1-CB10-4207-B3D7-6FC45D98DDDD}">
      <dgm:prSet/>
      <dgm:spPr/>
      <dgm:t>
        <a:bodyPr/>
        <a:lstStyle/>
        <a:p>
          <a:endParaRPr lang="en-GB"/>
        </a:p>
      </dgm:t>
    </dgm:pt>
    <dgm:pt modelId="{E0FAFFB9-E679-4C94-B488-4254307BAE84}" type="sibTrans" cxnId="{E3888FD1-CB10-4207-B3D7-6FC45D98DDDD}">
      <dgm:prSet/>
      <dgm:spPr/>
      <dgm:t>
        <a:bodyPr/>
        <a:lstStyle/>
        <a:p>
          <a:endParaRPr lang="en-GB"/>
        </a:p>
      </dgm:t>
    </dgm:pt>
    <dgm:pt modelId="{8C378B26-E556-486B-BF0C-DE817A67A57B}">
      <dgm:prSet/>
      <dgm:spPr/>
      <dgm:t>
        <a:bodyPr/>
        <a:lstStyle/>
        <a:p>
          <a:pPr rtl="0"/>
          <a:r>
            <a:rPr lang="en-GB" b="1" baseline="0" dirty="0" smtClean="0"/>
            <a:t>What about gamification? </a:t>
          </a:r>
          <a:endParaRPr lang="en-GB" b="1" dirty="0"/>
        </a:p>
      </dgm:t>
    </dgm:pt>
    <dgm:pt modelId="{947ECA19-351A-43D0-BFC3-4257C39D45C5}" type="parTrans" cxnId="{08E496D7-ED93-4A6F-898D-5DC22921169A}">
      <dgm:prSet/>
      <dgm:spPr/>
      <dgm:t>
        <a:bodyPr/>
        <a:lstStyle/>
        <a:p>
          <a:endParaRPr lang="en-GB"/>
        </a:p>
      </dgm:t>
    </dgm:pt>
    <dgm:pt modelId="{014A9499-D20B-4907-B96B-5C2E0963ACD5}" type="sibTrans" cxnId="{08E496D7-ED93-4A6F-898D-5DC22921169A}">
      <dgm:prSet/>
      <dgm:spPr/>
      <dgm:t>
        <a:bodyPr/>
        <a:lstStyle/>
        <a:p>
          <a:endParaRPr lang="en-GB"/>
        </a:p>
      </dgm:t>
    </dgm:pt>
    <dgm:pt modelId="{8FDE5C4B-0D64-499C-8E1D-EEB7A63FB22A}">
      <dgm:prSet/>
      <dgm:spPr/>
      <dgm:t>
        <a:bodyPr/>
        <a:lstStyle/>
        <a:p>
          <a:pPr rtl="0"/>
          <a:r>
            <a:rPr lang="en-GB" b="1" baseline="0" dirty="0" smtClean="0"/>
            <a:t>Do you use plugins? Flash player? Camtasia?</a:t>
          </a:r>
          <a:endParaRPr lang="en-GB" b="1" dirty="0"/>
        </a:p>
      </dgm:t>
    </dgm:pt>
    <dgm:pt modelId="{D6F195A8-2735-4A31-81B5-826EE28120BE}" type="parTrans" cxnId="{E19EECEF-7B1D-4650-99BB-7B33CFCFB046}">
      <dgm:prSet/>
      <dgm:spPr/>
      <dgm:t>
        <a:bodyPr/>
        <a:lstStyle/>
        <a:p>
          <a:endParaRPr lang="en-GB"/>
        </a:p>
      </dgm:t>
    </dgm:pt>
    <dgm:pt modelId="{4B206E6E-A61D-4558-B7D7-9D53EE5286D3}" type="sibTrans" cxnId="{E19EECEF-7B1D-4650-99BB-7B33CFCFB046}">
      <dgm:prSet/>
      <dgm:spPr/>
      <dgm:t>
        <a:bodyPr/>
        <a:lstStyle/>
        <a:p>
          <a:endParaRPr lang="en-GB"/>
        </a:p>
      </dgm:t>
    </dgm:pt>
    <dgm:pt modelId="{8A3F143A-533B-4102-8026-F1EE02EFD883}">
      <dgm:prSet/>
      <dgm:spPr/>
      <dgm:t>
        <a:bodyPr/>
        <a:lstStyle/>
        <a:p>
          <a:pPr rtl="0"/>
          <a:r>
            <a:rPr lang="en-GB" b="1" baseline="0" smtClean="0"/>
            <a:t>How interactive does the resource need to be?</a:t>
          </a:r>
          <a:endParaRPr lang="en-GB" b="1"/>
        </a:p>
      </dgm:t>
    </dgm:pt>
    <dgm:pt modelId="{E7D46A36-0CF8-4725-9323-113DE7AFEE98}" type="parTrans" cxnId="{20EF4191-DB06-4F8B-B01D-BD3BA1B66D05}">
      <dgm:prSet/>
      <dgm:spPr/>
      <dgm:t>
        <a:bodyPr/>
        <a:lstStyle/>
        <a:p>
          <a:endParaRPr lang="en-GB"/>
        </a:p>
      </dgm:t>
    </dgm:pt>
    <dgm:pt modelId="{A221F9B8-0F87-48E8-A987-2C90DC0A363F}" type="sibTrans" cxnId="{20EF4191-DB06-4F8B-B01D-BD3BA1B66D05}">
      <dgm:prSet/>
      <dgm:spPr/>
      <dgm:t>
        <a:bodyPr/>
        <a:lstStyle/>
        <a:p>
          <a:endParaRPr lang="en-GB"/>
        </a:p>
      </dgm:t>
    </dgm:pt>
    <dgm:pt modelId="{9262C38F-D667-409C-AB27-A49143DA71C7}">
      <dgm:prSet/>
      <dgm:spPr/>
      <dgm:t>
        <a:bodyPr/>
        <a:lstStyle/>
        <a:p>
          <a:pPr rtl="0"/>
          <a:r>
            <a:rPr lang="en-GB" dirty="0" smtClean="0"/>
            <a:t>quizzes?</a:t>
          </a:r>
          <a:endParaRPr lang="en-GB" dirty="0"/>
        </a:p>
      </dgm:t>
    </dgm:pt>
    <dgm:pt modelId="{493A3DE9-24DC-45CE-9281-14197894E80F}" type="parTrans" cxnId="{79E70D07-ACD9-4207-8A81-885233AB3341}">
      <dgm:prSet/>
      <dgm:spPr/>
      <dgm:t>
        <a:bodyPr/>
        <a:lstStyle/>
        <a:p>
          <a:endParaRPr lang="en-GB"/>
        </a:p>
      </dgm:t>
    </dgm:pt>
    <dgm:pt modelId="{DDF85278-96D1-4823-ACC8-D49F97F02D7A}" type="sibTrans" cxnId="{79E70D07-ACD9-4207-8A81-885233AB3341}">
      <dgm:prSet/>
      <dgm:spPr/>
      <dgm:t>
        <a:bodyPr/>
        <a:lstStyle/>
        <a:p>
          <a:endParaRPr lang="en-GB"/>
        </a:p>
      </dgm:t>
    </dgm:pt>
    <dgm:pt modelId="{2A01DFF7-BADE-40E1-A48B-E87304C3160A}">
      <dgm:prSet/>
      <dgm:spPr/>
      <dgm:t>
        <a:bodyPr/>
        <a:lstStyle/>
        <a:p>
          <a:pPr rtl="0"/>
          <a:r>
            <a:rPr lang="en-GB" dirty="0" smtClean="0"/>
            <a:t>interactive games?</a:t>
          </a:r>
          <a:endParaRPr lang="en-GB" dirty="0"/>
        </a:p>
      </dgm:t>
    </dgm:pt>
    <dgm:pt modelId="{CC3C6E9F-7699-419A-B80D-B64FF6143453}" type="parTrans" cxnId="{58036ECC-CD37-4541-B0F1-D3AA7C59EBF8}">
      <dgm:prSet/>
      <dgm:spPr/>
      <dgm:t>
        <a:bodyPr/>
        <a:lstStyle/>
        <a:p>
          <a:endParaRPr lang="en-GB"/>
        </a:p>
      </dgm:t>
    </dgm:pt>
    <dgm:pt modelId="{65C4052C-774F-4B4B-9C9A-7659289264DA}" type="sibTrans" cxnId="{58036ECC-CD37-4541-B0F1-D3AA7C59EBF8}">
      <dgm:prSet/>
      <dgm:spPr/>
      <dgm:t>
        <a:bodyPr/>
        <a:lstStyle/>
        <a:p>
          <a:endParaRPr lang="en-GB"/>
        </a:p>
      </dgm:t>
    </dgm:pt>
    <dgm:pt modelId="{3008356B-64AF-4459-8CD0-2801FF70B63E}">
      <dgm:prSet/>
      <dgm:spPr/>
      <dgm:t>
        <a:bodyPr/>
        <a:lstStyle/>
        <a:p>
          <a:pPr rtl="0"/>
          <a:r>
            <a:rPr lang="en-GB" b="1" baseline="0" dirty="0" smtClean="0"/>
            <a:t>Mobile device compatibility is a must! </a:t>
          </a:r>
          <a:endParaRPr lang="en-GB" b="1" dirty="0"/>
        </a:p>
      </dgm:t>
    </dgm:pt>
    <dgm:pt modelId="{8F9A3983-A6FA-4B13-9B4C-2368322D42C3}" type="parTrans" cxnId="{08AAD4B3-F403-4A8D-B6D4-C44EBA178302}">
      <dgm:prSet/>
      <dgm:spPr/>
      <dgm:t>
        <a:bodyPr/>
        <a:lstStyle/>
        <a:p>
          <a:endParaRPr lang="en-GB"/>
        </a:p>
      </dgm:t>
    </dgm:pt>
    <dgm:pt modelId="{4C8E87C2-08ED-4196-97C3-31746A658E9C}" type="sibTrans" cxnId="{08AAD4B3-F403-4A8D-B6D4-C44EBA178302}">
      <dgm:prSet/>
      <dgm:spPr/>
      <dgm:t>
        <a:bodyPr/>
        <a:lstStyle/>
        <a:p>
          <a:endParaRPr lang="en-GB"/>
        </a:p>
      </dgm:t>
    </dgm:pt>
    <dgm:pt modelId="{9F6ADC45-142D-475B-96A6-8EAF8DD1AC9A}">
      <dgm:prSet/>
      <dgm:spPr/>
      <dgm:t>
        <a:bodyPr/>
        <a:lstStyle/>
        <a:p>
          <a:r>
            <a:rPr lang="en-GB" dirty="0" smtClean="0"/>
            <a:t>what type? </a:t>
          </a:r>
          <a:r>
            <a:rPr lang="en-GB" dirty="0" err="1" smtClean="0"/>
            <a:t>tabletop</a:t>
          </a:r>
          <a:r>
            <a:rPr lang="en-GB" dirty="0" smtClean="0"/>
            <a:t> or online? single user or groups?</a:t>
          </a:r>
          <a:endParaRPr lang="en-GB" dirty="0"/>
        </a:p>
      </dgm:t>
    </dgm:pt>
    <dgm:pt modelId="{F7D40327-447A-41FD-A65C-9849B45D7E9F}" type="parTrans" cxnId="{149D24CC-BDC4-489A-A57D-E109746FCC6F}">
      <dgm:prSet/>
      <dgm:spPr/>
      <dgm:t>
        <a:bodyPr/>
        <a:lstStyle/>
        <a:p>
          <a:endParaRPr lang="en-GB"/>
        </a:p>
      </dgm:t>
    </dgm:pt>
    <dgm:pt modelId="{FD34ADB8-6CAB-4216-BC12-4151418BB4AA}" type="sibTrans" cxnId="{149D24CC-BDC4-489A-A57D-E109746FCC6F}">
      <dgm:prSet/>
      <dgm:spPr/>
      <dgm:t>
        <a:bodyPr/>
        <a:lstStyle/>
        <a:p>
          <a:endParaRPr lang="en-GB"/>
        </a:p>
      </dgm:t>
    </dgm:pt>
    <dgm:pt modelId="{B3B64510-EA53-43C9-A4F6-564FC4713DF2}">
      <dgm:prSet/>
      <dgm:spPr/>
      <dgm:t>
        <a:bodyPr/>
        <a:lstStyle/>
        <a:p>
          <a:r>
            <a:rPr lang="en-GB" dirty="0" smtClean="0"/>
            <a:t>consider browser issues, VLE/LMS, and technical limitations</a:t>
          </a:r>
          <a:endParaRPr lang="en-GB" dirty="0"/>
        </a:p>
      </dgm:t>
    </dgm:pt>
    <dgm:pt modelId="{31562268-B57F-49A9-8646-EE32FF57C38B}" type="parTrans" cxnId="{86514391-EF3B-4E55-87C8-11A0C9D346A1}">
      <dgm:prSet/>
      <dgm:spPr/>
      <dgm:t>
        <a:bodyPr/>
        <a:lstStyle/>
        <a:p>
          <a:endParaRPr lang="en-GB"/>
        </a:p>
      </dgm:t>
    </dgm:pt>
    <dgm:pt modelId="{3346A76F-4CBE-4577-9DF5-1DCAFF0B5983}" type="sibTrans" cxnId="{86514391-EF3B-4E55-87C8-11A0C9D346A1}">
      <dgm:prSet/>
      <dgm:spPr/>
      <dgm:t>
        <a:bodyPr/>
        <a:lstStyle/>
        <a:p>
          <a:endParaRPr lang="en-GB"/>
        </a:p>
      </dgm:t>
    </dgm:pt>
    <dgm:pt modelId="{BCA91F0D-8D70-455E-B9F3-3E1E321C6AC3}">
      <dgm:prSet/>
      <dgm:spPr/>
      <dgm:t>
        <a:bodyPr/>
        <a:lstStyle/>
        <a:p>
          <a:r>
            <a:rPr lang="en-GB" dirty="0" smtClean="0"/>
            <a:t>what looks good on PC, may not work at all on a smartphone!</a:t>
          </a:r>
          <a:endParaRPr lang="en-GB" dirty="0"/>
        </a:p>
      </dgm:t>
    </dgm:pt>
    <dgm:pt modelId="{D6EAB850-7332-47A5-B6AB-6C320085C1C1}" type="parTrans" cxnId="{4C6FFB22-BDC2-4FE4-9EF1-7E5B42DCA60E}">
      <dgm:prSet/>
      <dgm:spPr/>
      <dgm:t>
        <a:bodyPr/>
        <a:lstStyle/>
        <a:p>
          <a:endParaRPr lang="en-GB"/>
        </a:p>
      </dgm:t>
    </dgm:pt>
    <dgm:pt modelId="{561D96FA-9C69-42DD-8A47-0838AA45BFAB}" type="sibTrans" cxnId="{4C6FFB22-BDC2-4FE4-9EF1-7E5B42DCA60E}">
      <dgm:prSet/>
      <dgm:spPr/>
      <dgm:t>
        <a:bodyPr/>
        <a:lstStyle/>
        <a:p>
          <a:endParaRPr lang="en-GB"/>
        </a:p>
      </dgm:t>
    </dgm:pt>
    <dgm:pt modelId="{C12A6B94-E74C-4E24-83ED-88887B956943}" type="pres">
      <dgm:prSet presAssocID="{F204EF63-26E9-4189-ABFF-606F6B9257DB}" presName="linear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6D32DFF5-E853-442F-A527-9204AEB160AD}" type="pres">
      <dgm:prSet presAssocID="{6BC794E4-AAC0-4FC0-B0F1-D43459224EDD}" presName="parentLin" presStyleCnt="0"/>
      <dgm:spPr/>
    </dgm:pt>
    <dgm:pt modelId="{5BF0231B-E2A3-473D-BB4E-D90F79A4A161}" type="pres">
      <dgm:prSet presAssocID="{6BC794E4-AAC0-4FC0-B0F1-D43459224EDD}" presName="parentLeftMargin" presStyleLbl="node1" presStyleIdx="0" presStyleCnt="5"/>
      <dgm:spPr/>
      <dgm:t>
        <a:bodyPr/>
        <a:lstStyle/>
        <a:p>
          <a:endParaRPr lang="en-GB"/>
        </a:p>
      </dgm:t>
    </dgm:pt>
    <dgm:pt modelId="{0F14497F-A7B7-4740-800D-BB7849EE9231}" type="pres">
      <dgm:prSet presAssocID="{6BC794E4-AAC0-4FC0-B0F1-D43459224EDD}" presName="parentText" presStyleLbl="node1" presStyleIdx="0" presStyleCnt="5" custScaleX="109318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A342CF0D-190F-43D2-A17E-4BAF78447839}" type="pres">
      <dgm:prSet presAssocID="{6BC794E4-AAC0-4FC0-B0F1-D43459224EDD}" presName="negativeSpace" presStyleCnt="0"/>
      <dgm:spPr/>
    </dgm:pt>
    <dgm:pt modelId="{E80691EA-821B-4324-B7B1-B3F274167B31}" type="pres">
      <dgm:prSet presAssocID="{6BC794E4-AAC0-4FC0-B0F1-D43459224EDD}" presName="childText" presStyleLbl="conFgAcc1" presStyleIdx="0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A348ED97-EA1C-4D2F-A3FD-7FE5F50A7A28}" type="pres">
      <dgm:prSet presAssocID="{4015BE4F-D23A-427B-89D4-B1BF21AE6B9B}" presName="spaceBetweenRectangles" presStyleCnt="0"/>
      <dgm:spPr/>
    </dgm:pt>
    <dgm:pt modelId="{25A8639B-CEB7-4EB6-98E1-AA461EFADDBA}" type="pres">
      <dgm:prSet presAssocID="{8C378B26-E556-486B-BF0C-DE817A67A57B}" presName="parentLin" presStyleCnt="0"/>
      <dgm:spPr/>
    </dgm:pt>
    <dgm:pt modelId="{0FEC0386-BB28-4888-B8F4-A251DA46B792}" type="pres">
      <dgm:prSet presAssocID="{8C378B26-E556-486B-BF0C-DE817A67A57B}" presName="parentLeftMargin" presStyleLbl="node1" presStyleIdx="0" presStyleCnt="5"/>
      <dgm:spPr/>
      <dgm:t>
        <a:bodyPr/>
        <a:lstStyle/>
        <a:p>
          <a:endParaRPr lang="en-GB"/>
        </a:p>
      </dgm:t>
    </dgm:pt>
    <dgm:pt modelId="{FE914D60-E219-4A9A-9632-083322EF8117}" type="pres">
      <dgm:prSet presAssocID="{8C378B26-E556-486B-BF0C-DE817A67A57B}" presName="parentText" presStyleLbl="node1" presStyleIdx="1" presStyleCnt="5" custScaleX="109396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F98CDC0F-8DB7-4063-BEF2-72E3D0832663}" type="pres">
      <dgm:prSet presAssocID="{8C378B26-E556-486B-BF0C-DE817A67A57B}" presName="negativeSpace" presStyleCnt="0"/>
      <dgm:spPr/>
    </dgm:pt>
    <dgm:pt modelId="{B9120BE4-A3DC-4CF7-895A-37DF4294FE0F}" type="pres">
      <dgm:prSet presAssocID="{8C378B26-E556-486B-BF0C-DE817A67A57B}" presName="childText" presStyleLbl="conFgAcc1" presStyleIdx="1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6FFD6056-39A5-419C-ABC0-52B6093BE704}" type="pres">
      <dgm:prSet presAssocID="{014A9499-D20B-4907-B96B-5C2E0963ACD5}" presName="spaceBetweenRectangles" presStyleCnt="0"/>
      <dgm:spPr/>
    </dgm:pt>
    <dgm:pt modelId="{F3BB0EE3-FBA0-468F-8701-737C9A5D84A2}" type="pres">
      <dgm:prSet presAssocID="{8FDE5C4B-0D64-499C-8E1D-EEB7A63FB22A}" presName="parentLin" presStyleCnt="0"/>
      <dgm:spPr/>
    </dgm:pt>
    <dgm:pt modelId="{1E2CFC0A-BC08-4A92-BFF0-B589CD13EE39}" type="pres">
      <dgm:prSet presAssocID="{8FDE5C4B-0D64-499C-8E1D-EEB7A63FB22A}" presName="parentLeftMargin" presStyleLbl="node1" presStyleIdx="1" presStyleCnt="5"/>
      <dgm:spPr/>
      <dgm:t>
        <a:bodyPr/>
        <a:lstStyle/>
        <a:p>
          <a:endParaRPr lang="en-GB"/>
        </a:p>
      </dgm:t>
    </dgm:pt>
    <dgm:pt modelId="{4E220C78-0065-417C-BC5A-BD451605E186}" type="pres">
      <dgm:prSet presAssocID="{8FDE5C4B-0D64-499C-8E1D-EEB7A63FB22A}" presName="parentText" presStyleLbl="node1" presStyleIdx="2" presStyleCnt="5" custScaleX="10931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29FEDE27-FDEC-4BA3-AE15-556F64D35492}" type="pres">
      <dgm:prSet presAssocID="{8FDE5C4B-0D64-499C-8E1D-EEB7A63FB22A}" presName="negativeSpace" presStyleCnt="0"/>
      <dgm:spPr/>
    </dgm:pt>
    <dgm:pt modelId="{57F04BB1-DA5B-4133-9C15-CCFE1891617F}" type="pres">
      <dgm:prSet presAssocID="{8FDE5C4B-0D64-499C-8E1D-EEB7A63FB22A}" presName="childText" presStyleLbl="conFgAcc1" presStyleIdx="2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FA7E5C87-3632-48DB-AB53-25835907A29D}" type="pres">
      <dgm:prSet presAssocID="{4B206E6E-A61D-4558-B7D7-9D53EE5286D3}" presName="spaceBetweenRectangles" presStyleCnt="0"/>
      <dgm:spPr/>
    </dgm:pt>
    <dgm:pt modelId="{AABF889F-050F-49BF-A0E9-BDA33FC3EE2A}" type="pres">
      <dgm:prSet presAssocID="{8A3F143A-533B-4102-8026-F1EE02EFD883}" presName="parentLin" presStyleCnt="0"/>
      <dgm:spPr/>
    </dgm:pt>
    <dgm:pt modelId="{B1D25FAF-A2F1-4828-98A2-D4C29F26BB7E}" type="pres">
      <dgm:prSet presAssocID="{8A3F143A-533B-4102-8026-F1EE02EFD883}" presName="parentLeftMargin" presStyleLbl="node1" presStyleIdx="2" presStyleCnt="5"/>
      <dgm:spPr/>
      <dgm:t>
        <a:bodyPr/>
        <a:lstStyle/>
        <a:p>
          <a:endParaRPr lang="en-GB"/>
        </a:p>
      </dgm:t>
    </dgm:pt>
    <dgm:pt modelId="{BBF805DB-4420-4CA5-B16C-4DA430BBBA54}" type="pres">
      <dgm:prSet presAssocID="{8A3F143A-533B-4102-8026-F1EE02EFD883}" presName="parentText" presStyleLbl="node1" presStyleIdx="3" presStyleCnt="5" custScaleX="10931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0FA5BB68-F8A8-4B64-A1E6-E1BBF32AEDC8}" type="pres">
      <dgm:prSet presAssocID="{8A3F143A-533B-4102-8026-F1EE02EFD883}" presName="negativeSpace" presStyleCnt="0"/>
      <dgm:spPr/>
    </dgm:pt>
    <dgm:pt modelId="{B8C802F5-152B-4239-B947-6841A3DC3708}" type="pres">
      <dgm:prSet presAssocID="{8A3F143A-533B-4102-8026-F1EE02EFD883}" presName="childText" presStyleLbl="conFgAcc1" presStyleIdx="3" presStyleCnt="5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DA57F36C-2401-49BC-9050-E617C3C52400}" type="pres">
      <dgm:prSet presAssocID="{A221F9B8-0F87-48E8-A987-2C90DC0A363F}" presName="spaceBetweenRectangles" presStyleCnt="0"/>
      <dgm:spPr/>
    </dgm:pt>
    <dgm:pt modelId="{0962DFB3-C29B-4F37-87D5-4557F150A199}" type="pres">
      <dgm:prSet presAssocID="{3008356B-64AF-4459-8CD0-2801FF70B63E}" presName="parentLin" presStyleCnt="0"/>
      <dgm:spPr/>
    </dgm:pt>
    <dgm:pt modelId="{88C8BCF8-5CE7-4EDB-99B7-A6E76020AB51}" type="pres">
      <dgm:prSet presAssocID="{3008356B-64AF-4459-8CD0-2801FF70B63E}" presName="parentLeftMargin" presStyleLbl="node1" presStyleIdx="3" presStyleCnt="5"/>
      <dgm:spPr/>
      <dgm:t>
        <a:bodyPr/>
        <a:lstStyle/>
        <a:p>
          <a:endParaRPr lang="en-GB"/>
        </a:p>
      </dgm:t>
    </dgm:pt>
    <dgm:pt modelId="{345E5638-5F8C-4429-84EA-C42BD741E7C0}" type="pres">
      <dgm:prSet presAssocID="{3008356B-64AF-4459-8CD0-2801FF70B63E}" presName="parentText" presStyleLbl="node1" presStyleIdx="4" presStyleCnt="5" custScaleX="109318" custLinFactNeighborX="9132" custLinFactNeighborY="-4094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57D226FF-1F77-4F7E-BCC7-B465E5A45576}" type="pres">
      <dgm:prSet presAssocID="{3008356B-64AF-4459-8CD0-2801FF70B63E}" presName="negativeSpace" presStyleCnt="0"/>
      <dgm:spPr/>
    </dgm:pt>
    <dgm:pt modelId="{F3E508E7-FA15-41FB-A244-E2CE47F6F53C}" type="pres">
      <dgm:prSet presAssocID="{3008356B-64AF-4459-8CD0-2801FF70B63E}" presName="childText" presStyleLbl="conFgAcc1" presStyleIdx="4" presStyleCnt="5" custLinFactNeighborX="18" custLinFactNeighborY="22492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990592FC-50F3-4D28-AAE9-516025469CB4}" type="presOf" srcId="{B3B64510-EA53-43C9-A4F6-564FC4713DF2}" destId="{57F04BB1-DA5B-4133-9C15-CCFE1891617F}" srcOrd="0" destOrd="0" presId="urn:microsoft.com/office/officeart/2005/8/layout/list1"/>
    <dgm:cxn modelId="{7AB636F1-2DE8-4C00-96BA-D6E322777549}" type="presOf" srcId="{6BC794E4-AAC0-4FC0-B0F1-D43459224EDD}" destId="{5BF0231B-E2A3-473D-BB4E-D90F79A4A161}" srcOrd="0" destOrd="0" presId="urn:microsoft.com/office/officeart/2005/8/layout/list1"/>
    <dgm:cxn modelId="{BCF7FA80-31DF-4D4B-B06F-D115E112170D}" type="presOf" srcId="{8A3F143A-533B-4102-8026-F1EE02EFD883}" destId="{BBF805DB-4420-4CA5-B16C-4DA430BBBA54}" srcOrd="1" destOrd="0" presId="urn:microsoft.com/office/officeart/2005/8/layout/list1"/>
    <dgm:cxn modelId="{149D24CC-BDC4-489A-A57D-E109746FCC6F}" srcId="{8C378B26-E556-486B-BF0C-DE817A67A57B}" destId="{9F6ADC45-142D-475B-96A6-8EAF8DD1AC9A}" srcOrd="0" destOrd="0" parTransId="{F7D40327-447A-41FD-A65C-9849B45D7E9F}" sibTransId="{FD34ADB8-6CAB-4216-BC12-4151418BB4AA}"/>
    <dgm:cxn modelId="{58036ECC-CD37-4541-B0F1-D3AA7C59EBF8}" srcId="{8A3F143A-533B-4102-8026-F1EE02EFD883}" destId="{2A01DFF7-BADE-40E1-A48B-E87304C3160A}" srcOrd="1" destOrd="0" parTransId="{CC3C6E9F-7699-419A-B80D-B64FF6143453}" sibTransId="{65C4052C-774F-4B4B-9C9A-7659289264DA}"/>
    <dgm:cxn modelId="{2B686D6B-24F1-417F-8F7E-CC440C9BF5B1}" type="presOf" srcId="{8FDE5C4B-0D64-499C-8E1D-EEB7A63FB22A}" destId="{4E220C78-0065-417C-BC5A-BD451605E186}" srcOrd="1" destOrd="0" presId="urn:microsoft.com/office/officeart/2005/8/layout/list1"/>
    <dgm:cxn modelId="{08E496D7-ED93-4A6F-898D-5DC22921169A}" srcId="{F204EF63-26E9-4189-ABFF-606F6B9257DB}" destId="{8C378B26-E556-486B-BF0C-DE817A67A57B}" srcOrd="1" destOrd="0" parTransId="{947ECA19-351A-43D0-BFC3-4257C39D45C5}" sibTransId="{014A9499-D20B-4907-B96B-5C2E0963ACD5}"/>
    <dgm:cxn modelId="{3992E156-B4AB-464C-B1CD-A5E2DB17E16C}" srcId="{6BC794E4-AAC0-4FC0-B0F1-D43459224EDD}" destId="{5D5E1B03-5EBA-45BD-B0A9-F9632D91BBF1}" srcOrd="0" destOrd="0" parTransId="{F9A9BE15-3632-45FB-9864-03E80ABA398E}" sibTransId="{8D796EA9-B1F1-4D89-97AF-9AF5103AB77A}"/>
    <dgm:cxn modelId="{E3888FD1-CB10-4207-B3D7-6FC45D98DDDD}" srcId="{6BC794E4-AAC0-4FC0-B0F1-D43459224EDD}" destId="{5BD6F12A-00C7-4081-BE1B-079AA79171F1}" srcOrd="1" destOrd="0" parTransId="{894DEB80-05B1-479D-B552-F62D9BAA325F}" sibTransId="{E0FAFFB9-E679-4C94-B488-4254307BAE84}"/>
    <dgm:cxn modelId="{9F35D9F3-BE16-4F24-AD6B-BA23C0B75E28}" type="presOf" srcId="{8C378B26-E556-486B-BF0C-DE817A67A57B}" destId="{FE914D60-E219-4A9A-9632-083322EF8117}" srcOrd="1" destOrd="0" presId="urn:microsoft.com/office/officeart/2005/8/layout/list1"/>
    <dgm:cxn modelId="{7DED3711-F76C-4BC5-B83D-71C3024D4F45}" type="presOf" srcId="{3008356B-64AF-4459-8CD0-2801FF70B63E}" destId="{345E5638-5F8C-4429-84EA-C42BD741E7C0}" srcOrd="1" destOrd="0" presId="urn:microsoft.com/office/officeart/2005/8/layout/list1"/>
    <dgm:cxn modelId="{443D4327-765D-4C6E-9445-1B65F3E0A56D}" type="presOf" srcId="{8A3F143A-533B-4102-8026-F1EE02EFD883}" destId="{B1D25FAF-A2F1-4828-98A2-D4C29F26BB7E}" srcOrd="0" destOrd="0" presId="urn:microsoft.com/office/officeart/2005/8/layout/list1"/>
    <dgm:cxn modelId="{86514391-EF3B-4E55-87C8-11A0C9D346A1}" srcId="{8FDE5C4B-0D64-499C-8E1D-EEB7A63FB22A}" destId="{B3B64510-EA53-43C9-A4F6-564FC4713DF2}" srcOrd="0" destOrd="0" parTransId="{31562268-B57F-49A9-8646-EE32FF57C38B}" sibTransId="{3346A76F-4CBE-4577-9DF5-1DCAFF0B5983}"/>
    <dgm:cxn modelId="{79E70D07-ACD9-4207-8A81-885233AB3341}" srcId="{8A3F143A-533B-4102-8026-F1EE02EFD883}" destId="{9262C38F-D667-409C-AB27-A49143DA71C7}" srcOrd="0" destOrd="0" parTransId="{493A3DE9-24DC-45CE-9281-14197894E80F}" sibTransId="{DDF85278-96D1-4823-ACC8-D49F97F02D7A}"/>
    <dgm:cxn modelId="{49EAB39B-C86A-4E48-A6DF-2E9B5DC9AC4C}" type="presOf" srcId="{8FDE5C4B-0D64-499C-8E1D-EEB7A63FB22A}" destId="{1E2CFC0A-BC08-4A92-BFF0-B589CD13EE39}" srcOrd="0" destOrd="0" presId="urn:microsoft.com/office/officeart/2005/8/layout/list1"/>
    <dgm:cxn modelId="{55FF3039-D660-4393-959D-FBDF49B3FC91}" type="presOf" srcId="{5BD6F12A-00C7-4081-BE1B-079AA79171F1}" destId="{E80691EA-821B-4324-B7B1-B3F274167B31}" srcOrd="0" destOrd="1" presId="urn:microsoft.com/office/officeart/2005/8/layout/list1"/>
    <dgm:cxn modelId="{AFD52602-42B7-44E8-B8EA-F1FAAD7E2625}" type="presOf" srcId="{9262C38F-D667-409C-AB27-A49143DA71C7}" destId="{B8C802F5-152B-4239-B947-6841A3DC3708}" srcOrd="0" destOrd="0" presId="urn:microsoft.com/office/officeart/2005/8/layout/list1"/>
    <dgm:cxn modelId="{4C6FFB22-BDC2-4FE4-9EF1-7E5B42DCA60E}" srcId="{3008356B-64AF-4459-8CD0-2801FF70B63E}" destId="{BCA91F0D-8D70-455E-B9F3-3E1E321C6AC3}" srcOrd="0" destOrd="0" parTransId="{D6EAB850-7332-47A5-B6AB-6C320085C1C1}" sibTransId="{561D96FA-9C69-42DD-8A47-0838AA45BFAB}"/>
    <dgm:cxn modelId="{1FE44C97-4D9C-428D-B845-634F2586664E}" type="presOf" srcId="{F204EF63-26E9-4189-ABFF-606F6B9257DB}" destId="{C12A6B94-E74C-4E24-83ED-88887B956943}" srcOrd="0" destOrd="0" presId="urn:microsoft.com/office/officeart/2005/8/layout/list1"/>
    <dgm:cxn modelId="{9DBB127D-D169-4420-A462-853D04DA0E98}" type="presOf" srcId="{8C378B26-E556-486B-BF0C-DE817A67A57B}" destId="{0FEC0386-BB28-4888-B8F4-A251DA46B792}" srcOrd="0" destOrd="0" presId="urn:microsoft.com/office/officeart/2005/8/layout/list1"/>
    <dgm:cxn modelId="{D2022B1D-3546-43E4-BAC9-5F81B37A56BA}" type="presOf" srcId="{6BC794E4-AAC0-4FC0-B0F1-D43459224EDD}" destId="{0F14497F-A7B7-4740-800D-BB7849EE9231}" srcOrd="1" destOrd="0" presId="urn:microsoft.com/office/officeart/2005/8/layout/list1"/>
    <dgm:cxn modelId="{08AAD4B3-F403-4A8D-B6D4-C44EBA178302}" srcId="{F204EF63-26E9-4189-ABFF-606F6B9257DB}" destId="{3008356B-64AF-4459-8CD0-2801FF70B63E}" srcOrd="4" destOrd="0" parTransId="{8F9A3983-A6FA-4B13-9B4C-2368322D42C3}" sibTransId="{4C8E87C2-08ED-4196-97C3-31746A658E9C}"/>
    <dgm:cxn modelId="{C46F83DA-0BF3-430B-A90E-1730B60AE3AE}" type="presOf" srcId="{2A01DFF7-BADE-40E1-A48B-E87304C3160A}" destId="{B8C802F5-152B-4239-B947-6841A3DC3708}" srcOrd="0" destOrd="1" presId="urn:microsoft.com/office/officeart/2005/8/layout/list1"/>
    <dgm:cxn modelId="{C05C5D01-CAFE-4B78-8751-8056BD03AC13}" type="presOf" srcId="{3008356B-64AF-4459-8CD0-2801FF70B63E}" destId="{88C8BCF8-5CE7-4EDB-99B7-A6E76020AB51}" srcOrd="0" destOrd="0" presId="urn:microsoft.com/office/officeart/2005/8/layout/list1"/>
    <dgm:cxn modelId="{6A0381E1-8E34-4E89-9BB3-6647C6B326E1}" type="presOf" srcId="{9F6ADC45-142D-475B-96A6-8EAF8DD1AC9A}" destId="{B9120BE4-A3DC-4CF7-895A-37DF4294FE0F}" srcOrd="0" destOrd="0" presId="urn:microsoft.com/office/officeart/2005/8/layout/list1"/>
    <dgm:cxn modelId="{83E243FF-C710-41D8-93C1-3018519DEE1D}" type="presOf" srcId="{BCA91F0D-8D70-455E-B9F3-3E1E321C6AC3}" destId="{F3E508E7-FA15-41FB-A244-E2CE47F6F53C}" srcOrd="0" destOrd="0" presId="urn:microsoft.com/office/officeart/2005/8/layout/list1"/>
    <dgm:cxn modelId="{42DF0CD4-3322-4AB3-86F9-23220EC51F7D}" type="presOf" srcId="{5D5E1B03-5EBA-45BD-B0A9-F9632D91BBF1}" destId="{E80691EA-821B-4324-B7B1-B3F274167B31}" srcOrd="0" destOrd="0" presId="urn:microsoft.com/office/officeart/2005/8/layout/list1"/>
    <dgm:cxn modelId="{E19EECEF-7B1D-4650-99BB-7B33CFCFB046}" srcId="{F204EF63-26E9-4189-ABFF-606F6B9257DB}" destId="{8FDE5C4B-0D64-499C-8E1D-EEB7A63FB22A}" srcOrd="2" destOrd="0" parTransId="{D6F195A8-2735-4A31-81B5-826EE28120BE}" sibTransId="{4B206E6E-A61D-4558-B7D7-9D53EE5286D3}"/>
    <dgm:cxn modelId="{ECDBE1E5-6703-47B7-A5CA-2992AFACDF67}" srcId="{F204EF63-26E9-4189-ABFF-606F6B9257DB}" destId="{6BC794E4-AAC0-4FC0-B0F1-D43459224EDD}" srcOrd="0" destOrd="0" parTransId="{9FBE5626-61DF-411D-9010-652F2B8AC355}" sibTransId="{4015BE4F-D23A-427B-89D4-B1BF21AE6B9B}"/>
    <dgm:cxn modelId="{20EF4191-DB06-4F8B-B01D-BD3BA1B66D05}" srcId="{F204EF63-26E9-4189-ABFF-606F6B9257DB}" destId="{8A3F143A-533B-4102-8026-F1EE02EFD883}" srcOrd="3" destOrd="0" parTransId="{E7D46A36-0CF8-4725-9323-113DE7AFEE98}" sibTransId="{A221F9B8-0F87-48E8-A987-2C90DC0A363F}"/>
    <dgm:cxn modelId="{AE1F6C06-9DB9-4D62-A281-3F6E2ACD01AE}" type="presParOf" srcId="{C12A6B94-E74C-4E24-83ED-88887B956943}" destId="{6D32DFF5-E853-442F-A527-9204AEB160AD}" srcOrd="0" destOrd="0" presId="urn:microsoft.com/office/officeart/2005/8/layout/list1"/>
    <dgm:cxn modelId="{151E8932-54C7-4EB2-9F7F-813295169406}" type="presParOf" srcId="{6D32DFF5-E853-442F-A527-9204AEB160AD}" destId="{5BF0231B-E2A3-473D-BB4E-D90F79A4A161}" srcOrd="0" destOrd="0" presId="urn:microsoft.com/office/officeart/2005/8/layout/list1"/>
    <dgm:cxn modelId="{AB720713-567A-49CD-8706-32F9071B5FAF}" type="presParOf" srcId="{6D32DFF5-E853-442F-A527-9204AEB160AD}" destId="{0F14497F-A7B7-4740-800D-BB7849EE9231}" srcOrd="1" destOrd="0" presId="urn:microsoft.com/office/officeart/2005/8/layout/list1"/>
    <dgm:cxn modelId="{94973C4D-38E4-4321-BE21-EB2922CE1C42}" type="presParOf" srcId="{C12A6B94-E74C-4E24-83ED-88887B956943}" destId="{A342CF0D-190F-43D2-A17E-4BAF78447839}" srcOrd="1" destOrd="0" presId="urn:microsoft.com/office/officeart/2005/8/layout/list1"/>
    <dgm:cxn modelId="{416B3DFD-7672-4F2D-929A-FC389FF586FC}" type="presParOf" srcId="{C12A6B94-E74C-4E24-83ED-88887B956943}" destId="{E80691EA-821B-4324-B7B1-B3F274167B31}" srcOrd="2" destOrd="0" presId="urn:microsoft.com/office/officeart/2005/8/layout/list1"/>
    <dgm:cxn modelId="{29EDDB8A-5A1A-4D98-91AC-24D69910BBAC}" type="presParOf" srcId="{C12A6B94-E74C-4E24-83ED-88887B956943}" destId="{A348ED97-EA1C-4D2F-A3FD-7FE5F50A7A28}" srcOrd="3" destOrd="0" presId="urn:microsoft.com/office/officeart/2005/8/layout/list1"/>
    <dgm:cxn modelId="{F80D6184-DB99-4D24-AE21-C766B736C175}" type="presParOf" srcId="{C12A6B94-E74C-4E24-83ED-88887B956943}" destId="{25A8639B-CEB7-4EB6-98E1-AA461EFADDBA}" srcOrd="4" destOrd="0" presId="urn:microsoft.com/office/officeart/2005/8/layout/list1"/>
    <dgm:cxn modelId="{5F3C5E49-6DF7-442E-930C-7D0B02225C2D}" type="presParOf" srcId="{25A8639B-CEB7-4EB6-98E1-AA461EFADDBA}" destId="{0FEC0386-BB28-4888-B8F4-A251DA46B792}" srcOrd="0" destOrd="0" presId="urn:microsoft.com/office/officeart/2005/8/layout/list1"/>
    <dgm:cxn modelId="{061A382F-F889-41AE-AEBC-BFBB22DAD7B5}" type="presParOf" srcId="{25A8639B-CEB7-4EB6-98E1-AA461EFADDBA}" destId="{FE914D60-E219-4A9A-9632-083322EF8117}" srcOrd="1" destOrd="0" presId="urn:microsoft.com/office/officeart/2005/8/layout/list1"/>
    <dgm:cxn modelId="{EF29458E-500A-4F2A-8001-F664FDDC2AC2}" type="presParOf" srcId="{C12A6B94-E74C-4E24-83ED-88887B956943}" destId="{F98CDC0F-8DB7-4063-BEF2-72E3D0832663}" srcOrd="5" destOrd="0" presId="urn:microsoft.com/office/officeart/2005/8/layout/list1"/>
    <dgm:cxn modelId="{AF561D91-6AB8-43BC-AEE3-6B0FA028DE98}" type="presParOf" srcId="{C12A6B94-E74C-4E24-83ED-88887B956943}" destId="{B9120BE4-A3DC-4CF7-895A-37DF4294FE0F}" srcOrd="6" destOrd="0" presId="urn:microsoft.com/office/officeart/2005/8/layout/list1"/>
    <dgm:cxn modelId="{A7F29259-54B6-4D69-8DB9-2D804869CAF7}" type="presParOf" srcId="{C12A6B94-E74C-4E24-83ED-88887B956943}" destId="{6FFD6056-39A5-419C-ABC0-52B6093BE704}" srcOrd="7" destOrd="0" presId="urn:microsoft.com/office/officeart/2005/8/layout/list1"/>
    <dgm:cxn modelId="{B0ED6E7D-1531-411F-B544-68AF0AC1FE49}" type="presParOf" srcId="{C12A6B94-E74C-4E24-83ED-88887B956943}" destId="{F3BB0EE3-FBA0-468F-8701-737C9A5D84A2}" srcOrd="8" destOrd="0" presId="urn:microsoft.com/office/officeart/2005/8/layout/list1"/>
    <dgm:cxn modelId="{9E32EF1E-DA63-4471-B5F9-BAE54667A015}" type="presParOf" srcId="{F3BB0EE3-FBA0-468F-8701-737C9A5D84A2}" destId="{1E2CFC0A-BC08-4A92-BFF0-B589CD13EE39}" srcOrd="0" destOrd="0" presId="urn:microsoft.com/office/officeart/2005/8/layout/list1"/>
    <dgm:cxn modelId="{7F242DEF-B666-4431-81A2-3F7606F1DF62}" type="presParOf" srcId="{F3BB0EE3-FBA0-468F-8701-737C9A5D84A2}" destId="{4E220C78-0065-417C-BC5A-BD451605E186}" srcOrd="1" destOrd="0" presId="urn:microsoft.com/office/officeart/2005/8/layout/list1"/>
    <dgm:cxn modelId="{B516CEC0-38C2-42D0-9690-5F878F700037}" type="presParOf" srcId="{C12A6B94-E74C-4E24-83ED-88887B956943}" destId="{29FEDE27-FDEC-4BA3-AE15-556F64D35492}" srcOrd="9" destOrd="0" presId="urn:microsoft.com/office/officeart/2005/8/layout/list1"/>
    <dgm:cxn modelId="{2343D4B2-A1D1-4A69-82E9-0EB724E39FFC}" type="presParOf" srcId="{C12A6B94-E74C-4E24-83ED-88887B956943}" destId="{57F04BB1-DA5B-4133-9C15-CCFE1891617F}" srcOrd="10" destOrd="0" presId="urn:microsoft.com/office/officeart/2005/8/layout/list1"/>
    <dgm:cxn modelId="{B83491E1-D9BC-4B5E-BDD8-3E73EBE87965}" type="presParOf" srcId="{C12A6B94-E74C-4E24-83ED-88887B956943}" destId="{FA7E5C87-3632-48DB-AB53-25835907A29D}" srcOrd="11" destOrd="0" presId="urn:microsoft.com/office/officeart/2005/8/layout/list1"/>
    <dgm:cxn modelId="{E1554DEC-29AC-4818-94C1-5AC5234651A4}" type="presParOf" srcId="{C12A6B94-E74C-4E24-83ED-88887B956943}" destId="{AABF889F-050F-49BF-A0E9-BDA33FC3EE2A}" srcOrd="12" destOrd="0" presId="urn:microsoft.com/office/officeart/2005/8/layout/list1"/>
    <dgm:cxn modelId="{7D60A041-DB8D-4731-B088-60BD09C01935}" type="presParOf" srcId="{AABF889F-050F-49BF-A0E9-BDA33FC3EE2A}" destId="{B1D25FAF-A2F1-4828-98A2-D4C29F26BB7E}" srcOrd="0" destOrd="0" presId="urn:microsoft.com/office/officeart/2005/8/layout/list1"/>
    <dgm:cxn modelId="{5BDE2684-0025-4471-9B06-5F2D4213B49E}" type="presParOf" srcId="{AABF889F-050F-49BF-A0E9-BDA33FC3EE2A}" destId="{BBF805DB-4420-4CA5-B16C-4DA430BBBA54}" srcOrd="1" destOrd="0" presId="urn:microsoft.com/office/officeart/2005/8/layout/list1"/>
    <dgm:cxn modelId="{F63F5EF5-0EAE-4C83-BFBD-0C6808CE274B}" type="presParOf" srcId="{C12A6B94-E74C-4E24-83ED-88887B956943}" destId="{0FA5BB68-F8A8-4B64-A1E6-E1BBF32AEDC8}" srcOrd="13" destOrd="0" presId="urn:microsoft.com/office/officeart/2005/8/layout/list1"/>
    <dgm:cxn modelId="{4E9AFC71-57AE-4729-8FE7-24AB389C53F1}" type="presParOf" srcId="{C12A6B94-E74C-4E24-83ED-88887B956943}" destId="{B8C802F5-152B-4239-B947-6841A3DC3708}" srcOrd="14" destOrd="0" presId="urn:microsoft.com/office/officeart/2005/8/layout/list1"/>
    <dgm:cxn modelId="{81DCE997-3B79-427B-9D57-F3A4A35C7D9B}" type="presParOf" srcId="{C12A6B94-E74C-4E24-83ED-88887B956943}" destId="{DA57F36C-2401-49BC-9050-E617C3C52400}" srcOrd="15" destOrd="0" presId="urn:microsoft.com/office/officeart/2005/8/layout/list1"/>
    <dgm:cxn modelId="{B45629E2-3718-4632-B3F1-CBB2422BD1EF}" type="presParOf" srcId="{C12A6B94-E74C-4E24-83ED-88887B956943}" destId="{0962DFB3-C29B-4F37-87D5-4557F150A199}" srcOrd="16" destOrd="0" presId="urn:microsoft.com/office/officeart/2005/8/layout/list1"/>
    <dgm:cxn modelId="{5A992AF5-996D-4D2A-9120-5AAD801A2CA8}" type="presParOf" srcId="{0962DFB3-C29B-4F37-87D5-4557F150A199}" destId="{88C8BCF8-5CE7-4EDB-99B7-A6E76020AB51}" srcOrd="0" destOrd="0" presId="urn:microsoft.com/office/officeart/2005/8/layout/list1"/>
    <dgm:cxn modelId="{1A9F41CF-2F39-47F7-A041-25EE68731E43}" type="presParOf" srcId="{0962DFB3-C29B-4F37-87D5-4557F150A199}" destId="{345E5638-5F8C-4429-84EA-C42BD741E7C0}" srcOrd="1" destOrd="0" presId="urn:microsoft.com/office/officeart/2005/8/layout/list1"/>
    <dgm:cxn modelId="{E7E03741-226F-4D46-A22D-CE26860CC000}" type="presParOf" srcId="{C12A6B94-E74C-4E24-83ED-88887B956943}" destId="{57D226FF-1F77-4F7E-BCC7-B465E5A45576}" srcOrd="17" destOrd="0" presId="urn:microsoft.com/office/officeart/2005/8/layout/list1"/>
    <dgm:cxn modelId="{40CC4890-7C36-46CE-9A45-7E8F1A10015B}" type="presParOf" srcId="{C12A6B94-E74C-4E24-83ED-88887B956943}" destId="{F3E508E7-FA15-41FB-A244-E2CE47F6F53C}" srcOrd="18" destOrd="0" presId="urn:microsoft.com/office/officeart/2005/8/layout/list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7.xml><?xml version="1.0" encoding="utf-8"?>
<dgm:dataModel xmlns:dgm="http://schemas.openxmlformats.org/drawingml/2006/diagram" xmlns:a="http://schemas.openxmlformats.org/drawingml/2006/main">
  <dgm:ptLst>
    <dgm:pt modelId="{615CB6B1-C1D3-4967-B1CC-1BD8B8A363FF}" type="doc">
      <dgm:prSet loTypeId="urn:microsoft.com/office/officeart/2005/8/layout/hList6" loCatId="list" qsTypeId="urn:microsoft.com/office/officeart/2005/8/quickstyle/3d3" qsCatId="3D" csTypeId="urn:microsoft.com/office/officeart/2005/8/colors/accent2_2" csCatId="accent2" phldr="1"/>
      <dgm:spPr/>
      <dgm:t>
        <a:bodyPr/>
        <a:lstStyle/>
        <a:p>
          <a:endParaRPr lang="en-GB"/>
        </a:p>
      </dgm:t>
    </dgm:pt>
    <dgm:pt modelId="{1230CC51-B672-48F5-9382-DE7C91E7F023}">
      <dgm:prSet/>
      <dgm:spPr/>
      <dgm:t>
        <a:bodyPr/>
        <a:lstStyle/>
        <a:p>
          <a:pPr rtl="0"/>
          <a:r>
            <a:rPr lang="en-GB" baseline="0" dirty="0" smtClean="0"/>
            <a:t>Closed or open? How accessible do you want to be?</a:t>
          </a:r>
          <a:endParaRPr lang="en-GB" dirty="0"/>
        </a:p>
      </dgm:t>
    </dgm:pt>
    <dgm:pt modelId="{5E0428BF-A403-4A67-AAB1-00AAAC3D5013}" type="parTrans" cxnId="{F6D6EDC1-936E-4854-BE00-52A16695FAB4}">
      <dgm:prSet/>
      <dgm:spPr/>
      <dgm:t>
        <a:bodyPr/>
        <a:lstStyle/>
        <a:p>
          <a:endParaRPr lang="en-GB"/>
        </a:p>
      </dgm:t>
    </dgm:pt>
    <dgm:pt modelId="{B3F4186C-51B3-4758-98C2-87B37B7126D9}" type="sibTrans" cxnId="{F6D6EDC1-936E-4854-BE00-52A16695FAB4}">
      <dgm:prSet/>
      <dgm:spPr/>
      <dgm:t>
        <a:bodyPr/>
        <a:lstStyle/>
        <a:p>
          <a:endParaRPr lang="en-GB"/>
        </a:p>
      </dgm:t>
    </dgm:pt>
    <dgm:pt modelId="{56A6D07D-7E2B-44E1-BFC0-AB5050551324}">
      <dgm:prSet/>
      <dgm:spPr/>
      <dgm:t>
        <a:bodyPr/>
        <a:lstStyle/>
        <a:p>
          <a:pPr rtl="0"/>
          <a:r>
            <a:rPr lang="en-GB" dirty="0" smtClean="0"/>
            <a:t>institutional VLE (LMS) like Moodle or Blackboard</a:t>
          </a:r>
          <a:endParaRPr lang="en-GB" dirty="0"/>
        </a:p>
      </dgm:t>
    </dgm:pt>
    <dgm:pt modelId="{165A4E57-1A3C-4D2F-BFF3-86D7BF16AE9D}" type="parTrans" cxnId="{068CE9CD-F6D4-4B9B-A3F9-26FFFBF7184F}">
      <dgm:prSet/>
      <dgm:spPr/>
      <dgm:t>
        <a:bodyPr/>
        <a:lstStyle/>
        <a:p>
          <a:endParaRPr lang="en-GB"/>
        </a:p>
      </dgm:t>
    </dgm:pt>
    <dgm:pt modelId="{49112AFD-4711-4859-9470-DF83AB015D93}" type="sibTrans" cxnId="{068CE9CD-F6D4-4B9B-A3F9-26FFFBF7184F}">
      <dgm:prSet/>
      <dgm:spPr/>
      <dgm:t>
        <a:bodyPr/>
        <a:lstStyle/>
        <a:p>
          <a:endParaRPr lang="en-GB"/>
        </a:p>
      </dgm:t>
    </dgm:pt>
    <dgm:pt modelId="{6E88B6C6-CD98-4060-8E80-662FFCCEC665}">
      <dgm:prSet/>
      <dgm:spPr/>
      <dgm:t>
        <a:bodyPr/>
        <a:lstStyle/>
        <a:p>
          <a:pPr rtl="0"/>
          <a:r>
            <a:rPr lang="en-GB" smtClean="0"/>
            <a:t>open web site</a:t>
          </a:r>
          <a:br>
            <a:rPr lang="en-GB" smtClean="0"/>
          </a:br>
          <a:endParaRPr lang="en-GB"/>
        </a:p>
      </dgm:t>
    </dgm:pt>
    <dgm:pt modelId="{B4EDC418-7137-47FD-A4B3-C58A499E64F1}" type="parTrans" cxnId="{F5BA87CD-4DDC-4B18-AC64-06E84219AE18}">
      <dgm:prSet/>
      <dgm:spPr/>
      <dgm:t>
        <a:bodyPr/>
        <a:lstStyle/>
        <a:p>
          <a:endParaRPr lang="en-GB"/>
        </a:p>
      </dgm:t>
    </dgm:pt>
    <dgm:pt modelId="{72F94ECF-5D0D-447E-880D-139C0AF9CEC2}" type="sibTrans" cxnId="{F5BA87CD-4DDC-4B18-AC64-06E84219AE18}">
      <dgm:prSet/>
      <dgm:spPr/>
      <dgm:t>
        <a:bodyPr/>
        <a:lstStyle/>
        <a:p>
          <a:endParaRPr lang="en-GB"/>
        </a:p>
      </dgm:t>
    </dgm:pt>
    <dgm:pt modelId="{C7DFF7F7-292F-4C20-8398-7EEF007AFF15}">
      <dgm:prSet/>
      <dgm:spPr/>
      <dgm:t>
        <a:bodyPr/>
        <a:lstStyle/>
        <a:p>
          <a:pPr rtl="0"/>
          <a:r>
            <a:rPr lang="en-GB" baseline="0" dirty="0" smtClean="0"/>
            <a:t>Do you </a:t>
          </a:r>
          <a:r>
            <a:rPr lang="en-GB" baseline="0" dirty="0" smtClean="0">
              <a:solidFill>
                <a:srgbClr val="FF0000"/>
              </a:solidFill>
            </a:rPr>
            <a:t>REALLY</a:t>
          </a:r>
          <a:r>
            <a:rPr lang="en-GB" baseline="0" dirty="0" smtClean="0"/>
            <a:t> need a login? Users are easily deterred!</a:t>
          </a:r>
          <a:br>
            <a:rPr lang="en-GB" baseline="0" dirty="0" smtClean="0"/>
          </a:br>
          <a:endParaRPr lang="en-GB" dirty="0"/>
        </a:p>
      </dgm:t>
    </dgm:pt>
    <dgm:pt modelId="{CD2FF5F4-32B0-4844-A323-C0FDA614D704}" type="parTrans" cxnId="{DBCB0570-B8B6-4C09-8C47-7B16D72DF771}">
      <dgm:prSet/>
      <dgm:spPr/>
      <dgm:t>
        <a:bodyPr/>
        <a:lstStyle/>
        <a:p>
          <a:endParaRPr lang="en-GB"/>
        </a:p>
      </dgm:t>
    </dgm:pt>
    <dgm:pt modelId="{FFDE8C0C-0726-4637-B2FA-EEA8E7129C70}" type="sibTrans" cxnId="{DBCB0570-B8B6-4C09-8C47-7B16D72DF771}">
      <dgm:prSet/>
      <dgm:spPr/>
      <dgm:t>
        <a:bodyPr/>
        <a:lstStyle/>
        <a:p>
          <a:endParaRPr lang="en-GB"/>
        </a:p>
      </dgm:t>
    </dgm:pt>
    <dgm:pt modelId="{0E36E74B-14E8-4B4A-B88B-2C85AC5637FD}">
      <dgm:prSet/>
      <dgm:spPr/>
      <dgm:t>
        <a:bodyPr/>
        <a:lstStyle/>
        <a:p>
          <a:pPr rtl="0"/>
          <a:r>
            <a:rPr lang="en-GB" baseline="0" smtClean="0"/>
            <a:t>Shared server - not a good idea. Think of peaks in user demand </a:t>
          </a:r>
          <a:endParaRPr lang="en-GB"/>
        </a:p>
      </dgm:t>
    </dgm:pt>
    <dgm:pt modelId="{F1BB9AE2-3452-4230-8703-DD8D583823AB}" type="parTrans" cxnId="{FD7B152F-3792-4C01-8250-E74089FC03E2}">
      <dgm:prSet/>
      <dgm:spPr/>
      <dgm:t>
        <a:bodyPr/>
        <a:lstStyle/>
        <a:p>
          <a:endParaRPr lang="en-GB"/>
        </a:p>
      </dgm:t>
    </dgm:pt>
    <dgm:pt modelId="{03933166-27B3-4051-AFF3-88CE189D8585}" type="sibTrans" cxnId="{FD7B152F-3792-4C01-8250-E74089FC03E2}">
      <dgm:prSet/>
      <dgm:spPr/>
      <dgm:t>
        <a:bodyPr/>
        <a:lstStyle/>
        <a:p>
          <a:endParaRPr lang="en-GB"/>
        </a:p>
      </dgm:t>
    </dgm:pt>
    <dgm:pt modelId="{84C2D70E-73C3-4B85-BC67-87B631FF31AA}" type="pres">
      <dgm:prSet presAssocID="{615CB6B1-C1D3-4967-B1CC-1BD8B8A363FF}" presName="Name0" presStyleCnt="0">
        <dgm:presLayoutVars>
          <dgm:dir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E4ED5A5B-5FAC-4519-936B-2F8DF66C2163}" type="pres">
      <dgm:prSet presAssocID="{1230CC51-B672-48F5-9382-DE7C91E7F023}" presName="node" presStyleLbl="node1" presStyleIdx="0" presStyleCnt="3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7B832EDF-8A22-441B-BE07-0373CC406102}" type="pres">
      <dgm:prSet presAssocID="{B3F4186C-51B3-4758-98C2-87B37B7126D9}" presName="sibTrans" presStyleCnt="0"/>
      <dgm:spPr/>
    </dgm:pt>
    <dgm:pt modelId="{364FBBF6-F0BD-4B7B-B130-B8452B7AFC1E}" type="pres">
      <dgm:prSet presAssocID="{C7DFF7F7-292F-4C20-8398-7EEF007AFF15}" presName="node" presStyleLbl="node1" presStyleIdx="1" presStyleCnt="3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882D8BFD-A4D6-40AA-A612-979A2F02DB13}" type="pres">
      <dgm:prSet presAssocID="{FFDE8C0C-0726-4637-B2FA-EEA8E7129C70}" presName="sibTrans" presStyleCnt="0"/>
      <dgm:spPr/>
    </dgm:pt>
    <dgm:pt modelId="{B032216B-D84A-492F-B9EB-76D9F0D329AB}" type="pres">
      <dgm:prSet presAssocID="{0E36E74B-14E8-4B4A-B88B-2C85AC5637FD}" presName="node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DBCB0570-B8B6-4C09-8C47-7B16D72DF771}" srcId="{615CB6B1-C1D3-4967-B1CC-1BD8B8A363FF}" destId="{C7DFF7F7-292F-4C20-8398-7EEF007AFF15}" srcOrd="1" destOrd="0" parTransId="{CD2FF5F4-32B0-4844-A323-C0FDA614D704}" sibTransId="{FFDE8C0C-0726-4637-B2FA-EEA8E7129C70}"/>
    <dgm:cxn modelId="{071D1FA3-0560-42B7-8360-044D6AF44EC5}" type="presOf" srcId="{C7DFF7F7-292F-4C20-8398-7EEF007AFF15}" destId="{364FBBF6-F0BD-4B7B-B130-B8452B7AFC1E}" srcOrd="0" destOrd="0" presId="urn:microsoft.com/office/officeart/2005/8/layout/hList6"/>
    <dgm:cxn modelId="{F5BA87CD-4DDC-4B18-AC64-06E84219AE18}" srcId="{1230CC51-B672-48F5-9382-DE7C91E7F023}" destId="{6E88B6C6-CD98-4060-8E80-662FFCCEC665}" srcOrd="1" destOrd="0" parTransId="{B4EDC418-7137-47FD-A4B3-C58A499E64F1}" sibTransId="{72F94ECF-5D0D-447E-880D-139C0AF9CEC2}"/>
    <dgm:cxn modelId="{33768B27-4612-4513-A36C-B32D0A6C2743}" type="presOf" srcId="{1230CC51-B672-48F5-9382-DE7C91E7F023}" destId="{E4ED5A5B-5FAC-4519-936B-2F8DF66C2163}" srcOrd="0" destOrd="0" presId="urn:microsoft.com/office/officeart/2005/8/layout/hList6"/>
    <dgm:cxn modelId="{1D5DA23D-2905-406C-B150-BBDAD3EC6905}" type="presOf" srcId="{6E88B6C6-CD98-4060-8E80-662FFCCEC665}" destId="{E4ED5A5B-5FAC-4519-936B-2F8DF66C2163}" srcOrd="0" destOrd="2" presId="urn:microsoft.com/office/officeart/2005/8/layout/hList6"/>
    <dgm:cxn modelId="{8152B620-A6C8-4690-8CAB-B0DD74EC5E56}" type="presOf" srcId="{56A6D07D-7E2B-44E1-BFC0-AB5050551324}" destId="{E4ED5A5B-5FAC-4519-936B-2F8DF66C2163}" srcOrd="0" destOrd="1" presId="urn:microsoft.com/office/officeart/2005/8/layout/hList6"/>
    <dgm:cxn modelId="{FD7B152F-3792-4C01-8250-E74089FC03E2}" srcId="{615CB6B1-C1D3-4967-B1CC-1BD8B8A363FF}" destId="{0E36E74B-14E8-4B4A-B88B-2C85AC5637FD}" srcOrd="2" destOrd="0" parTransId="{F1BB9AE2-3452-4230-8703-DD8D583823AB}" sibTransId="{03933166-27B3-4051-AFF3-88CE189D8585}"/>
    <dgm:cxn modelId="{9A64281D-7381-4204-8D83-4960066C9FFA}" type="presOf" srcId="{615CB6B1-C1D3-4967-B1CC-1BD8B8A363FF}" destId="{84C2D70E-73C3-4B85-BC67-87B631FF31AA}" srcOrd="0" destOrd="0" presId="urn:microsoft.com/office/officeart/2005/8/layout/hList6"/>
    <dgm:cxn modelId="{87C7FFE5-A694-4000-A454-0488AF908C47}" type="presOf" srcId="{0E36E74B-14E8-4B4A-B88B-2C85AC5637FD}" destId="{B032216B-D84A-492F-B9EB-76D9F0D329AB}" srcOrd="0" destOrd="0" presId="urn:microsoft.com/office/officeart/2005/8/layout/hList6"/>
    <dgm:cxn modelId="{068CE9CD-F6D4-4B9B-A3F9-26FFFBF7184F}" srcId="{1230CC51-B672-48F5-9382-DE7C91E7F023}" destId="{56A6D07D-7E2B-44E1-BFC0-AB5050551324}" srcOrd="0" destOrd="0" parTransId="{165A4E57-1A3C-4D2F-BFF3-86D7BF16AE9D}" sibTransId="{49112AFD-4711-4859-9470-DF83AB015D93}"/>
    <dgm:cxn modelId="{F6D6EDC1-936E-4854-BE00-52A16695FAB4}" srcId="{615CB6B1-C1D3-4967-B1CC-1BD8B8A363FF}" destId="{1230CC51-B672-48F5-9382-DE7C91E7F023}" srcOrd="0" destOrd="0" parTransId="{5E0428BF-A403-4A67-AAB1-00AAAC3D5013}" sibTransId="{B3F4186C-51B3-4758-98C2-87B37B7126D9}"/>
    <dgm:cxn modelId="{FD5C4EA4-FE15-4E64-AF2A-B7F45E128FE1}" type="presParOf" srcId="{84C2D70E-73C3-4B85-BC67-87B631FF31AA}" destId="{E4ED5A5B-5FAC-4519-936B-2F8DF66C2163}" srcOrd="0" destOrd="0" presId="urn:microsoft.com/office/officeart/2005/8/layout/hList6"/>
    <dgm:cxn modelId="{C6A13EA0-0A70-4FE0-AE50-71B8D0D86654}" type="presParOf" srcId="{84C2D70E-73C3-4B85-BC67-87B631FF31AA}" destId="{7B832EDF-8A22-441B-BE07-0373CC406102}" srcOrd="1" destOrd="0" presId="urn:microsoft.com/office/officeart/2005/8/layout/hList6"/>
    <dgm:cxn modelId="{3985F652-CB2D-42C2-9F1A-89929C9A0AC0}" type="presParOf" srcId="{84C2D70E-73C3-4B85-BC67-87B631FF31AA}" destId="{364FBBF6-F0BD-4B7B-B130-B8452B7AFC1E}" srcOrd="2" destOrd="0" presId="urn:microsoft.com/office/officeart/2005/8/layout/hList6"/>
    <dgm:cxn modelId="{D4BC2D89-7EE5-4C13-A600-CD27FF0446DD}" type="presParOf" srcId="{84C2D70E-73C3-4B85-BC67-87B631FF31AA}" destId="{882D8BFD-A4D6-40AA-A612-979A2F02DB13}" srcOrd="3" destOrd="0" presId="urn:microsoft.com/office/officeart/2005/8/layout/hList6"/>
    <dgm:cxn modelId="{78F0B8A9-379B-4B1D-BF02-8D41A9501EBC}" type="presParOf" srcId="{84C2D70E-73C3-4B85-BC67-87B631FF31AA}" destId="{B032216B-D84A-492F-B9EB-76D9F0D329AB}" srcOrd="4" destOrd="0" presId="urn:microsoft.com/office/officeart/2005/8/layout/hList6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8.xml><?xml version="1.0" encoding="utf-8"?>
<dgm:dataModel xmlns:dgm="http://schemas.openxmlformats.org/drawingml/2006/diagram" xmlns:a="http://schemas.openxmlformats.org/drawingml/2006/main">
  <dgm:ptLst>
    <dgm:pt modelId="{EA4E62FD-10C7-4BBB-A580-CDB8CF9771DA}" type="doc">
      <dgm:prSet loTypeId="urn:microsoft.com/office/officeart/2005/8/layout/list1" loCatId="list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en-GB"/>
        </a:p>
      </dgm:t>
    </dgm:pt>
    <dgm:pt modelId="{5329FD31-A138-4920-9D9E-8923C93C793C}">
      <dgm:prSet custT="1"/>
      <dgm:spPr/>
      <dgm:t>
        <a:bodyPr/>
        <a:lstStyle/>
        <a:p>
          <a:pPr rtl="0"/>
          <a:r>
            <a:rPr lang="en-GB" sz="1400" b="1" baseline="0" dirty="0" smtClean="0"/>
            <a:t>Decide what you are testing! </a:t>
          </a:r>
          <a:endParaRPr lang="en-GB" sz="1400" dirty="0"/>
        </a:p>
      </dgm:t>
    </dgm:pt>
    <dgm:pt modelId="{5310A5B7-AC64-4BDA-9E1F-D906E8D4431D}" type="parTrans" cxnId="{AE16B444-9BDA-421A-AC05-13D05E226106}">
      <dgm:prSet/>
      <dgm:spPr/>
      <dgm:t>
        <a:bodyPr/>
        <a:lstStyle/>
        <a:p>
          <a:endParaRPr lang="en-GB"/>
        </a:p>
      </dgm:t>
    </dgm:pt>
    <dgm:pt modelId="{70B82997-5E8A-4D65-87DE-E5C078A6D50D}" type="sibTrans" cxnId="{AE16B444-9BDA-421A-AC05-13D05E226106}">
      <dgm:prSet/>
      <dgm:spPr/>
      <dgm:t>
        <a:bodyPr/>
        <a:lstStyle/>
        <a:p>
          <a:endParaRPr lang="en-GB"/>
        </a:p>
      </dgm:t>
    </dgm:pt>
    <dgm:pt modelId="{C89B6463-02F9-4C6E-9F43-792FE9140546}">
      <dgm:prSet custT="1"/>
      <dgm:spPr/>
      <dgm:t>
        <a:bodyPr/>
        <a:lstStyle/>
        <a:p>
          <a:pPr rtl="0"/>
          <a:r>
            <a:rPr lang="en-GB" sz="1400" b="1" baseline="0" dirty="0" smtClean="0"/>
            <a:t>Feedback</a:t>
          </a:r>
          <a:endParaRPr lang="en-GB" sz="1400" dirty="0"/>
        </a:p>
      </dgm:t>
    </dgm:pt>
    <dgm:pt modelId="{5305893B-99EC-4EAD-90EF-21BC0687FD9C}" type="parTrans" cxnId="{8137D502-4553-4569-87AC-81101CAEA35B}">
      <dgm:prSet/>
      <dgm:spPr/>
      <dgm:t>
        <a:bodyPr/>
        <a:lstStyle/>
        <a:p>
          <a:endParaRPr lang="en-GB"/>
        </a:p>
      </dgm:t>
    </dgm:pt>
    <dgm:pt modelId="{09E77CA7-FBC4-4F7F-A016-2AE759AA0B71}" type="sibTrans" cxnId="{8137D502-4553-4569-87AC-81101CAEA35B}">
      <dgm:prSet/>
      <dgm:spPr/>
      <dgm:t>
        <a:bodyPr/>
        <a:lstStyle/>
        <a:p>
          <a:endParaRPr lang="en-GB"/>
        </a:p>
      </dgm:t>
    </dgm:pt>
    <dgm:pt modelId="{00A658B9-CE12-4B2B-959B-5C7682C11885}">
      <dgm:prSet custT="1"/>
      <dgm:spPr/>
      <dgm:t>
        <a:bodyPr/>
        <a:lstStyle/>
        <a:p>
          <a:pPr rtl="0"/>
          <a:r>
            <a:rPr lang="en-GB" sz="1400" b="1" baseline="0" dirty="0" smtClean="0"/>
            <a:t>User testing in labs</a:t>
          </a:r>
          <a:endParaRPr lang="en-GB" sz="1400" dirty="0"/>
        </a:p>
      </dgm:t>
    </dgm:pt>
    <dgm:pt modelId="{B65D91BC-EFEA-49E5-A153-1A038C6CA2E7}" type="parTrans" cxnId="{4859BD0E-D36E-405E-A7A8-551B2EFA4E09}">
      <dgm:prSet/>
      <dgm:spPr/>
      <dgm:t>
        <a:bodyPr/>
        <a:lstStyle/>
        <a:p>
          <a:endParaRPr lang="en-GB"/>
        </a:p>
      </dgm:t>
    </dgm:pt>
    <dgm:pt modelId="{13ACB2DD-C790-472A-991C-51ADC294556C}" type="sibTrans" cxnId="{4859BD0E-D36E-405E-A7A8-551B2EFA4E09}">
      <dgm:prSet/>
      <dgm:spPr/>
      <dgm:t>
        <a:bodyPr/>
        <a:lstStyle/>
        <a:p>
          <a:endParaRPr lang="en-GB"/>
        </a:p>
      </dgm:t>
    </dgm:pt>
    <dgm:pt modelId="{B3D2AF81-C226-4236-8ED5-9770819A0231}">
      <dgm:prSet custT="1"/>
      <dgm:spPr/>
      <dgm:t>
        <a:bodyPr/>
        <a:lstStyle/>
        <a:p>
          <a:pPr rtl="0"/>
          <a:r>
            <a:rPr lang="en-GB" sz="1400" b="1" baseline="0" dirty="0" smtClean="0"/>
            <a:t>Focus groups</a:t>
          </a:r>
          <a:endParaRPr lang="en-GB" sz="1400" dirty="0"/>
        </a:p>
      </dgm:t>
    </dgm:pt>
    <dgm:pt modelId="{492C6A01-65B7-4F78-8559-A7989BA356FB}" type="parTrans" cxnId="{13320F58-F13D-4A23-AD42-66162D2B3A38}">
      <dgm:prSet/>
      <dgm:spPr/>
      <dgm:t>
        <a:bodyPr/>
        <a:lstStyle/>
        <a:p>
          <a:endParaRPr lang="en-GB"/>
        </a:p>
      </dgm:t>
    </dgm:pt>
    <dgm:pt modelId="{42F36ABE-CCEB-43A4-A839-CD069F6FF388}" type="sibTrans" cxnId="{13320F58-F13D-4A23-AD42-66162D2B3A38}">
      <dgm:prSet/>
      <dgm:spPr/>
      <dgm:t>
        <a:bodyPr/>
        <a:lstStyle/>
        <a:p>
          <a:endParaRPr lang="en-GB"/>
        </a:p>
      </dgm:t>
    </dgm:pt>
    <dgm:pt modelId="{DC33D726-AFF8-4433-A400-9FF235C6A211}">
      <dgm:prSet custT="1"/>
      <dgm:spPr/>
      <dgm:t>
        <a:bodyPr/>
        <a:lstStyle/>
        <a:p>
          <a:pPr rtl="0"/>
          <a:r>
            <a:rPr lang="en-GB" sz="1400" b="1" baseline="0" dirty="0" smtClean="0"/>
            <a:t>Surveys</a:t>
          </a:r>
          <a:endParaRPr lang="en-GB" sz="1400" dirty="0"/>
        </a:p>
      </dgm:t>
    </dgm:pt>
    <dgm:pt modelId="{B139EC08-E57C-4B39-AC32-D06D9CD077BE}" type="parTrans" cxnId="{131377C5-DAA0-453A-85CB-B04757A1C185}">
      <dgm:prSet/>
      <dgm:spPr/>
      <dgm:t>
        <a:bodyPr/>
        <a:lstStyle/>
        <a:p>
          <a:endParaRPr lang="en-GB"/>
        </a:p>
      </dgm:t>
    </dgm:pt>
    <dgm:pt modelId="{A77B86F7-69BE-4186-9BA3-4A2BB3881344}" type="sibTrans" cxnId="{131377C5-DAA0-453A-85CB-B04757A1C185}">
      <dgm:prSet/>
      <dgm:spPr/>
      <dgm:t>
        <a:bodyPr/>
        <a:lstStyle/>
        <a:p>
          <a:endParaRPr lang="en-GB"/>
        </a:p>
      </dgm:t>
    </dgm:pt>
    <dgm:pt modelId="{33C075BA-F1ED-450F-9148-1EDDF80FB7C4}">
      <dgm:prSet custT="1"/>
      <dgm:spPr/>
      <dgm:t>
        <a:bodyPr/>
        <a:lstStyle/>
        <a:p>
          <a:pPr rtl="0"/>
          <a:r>
            <a:rPr lang="en-GB" sz="1400" b="1" baseline="0" dirty="0" smtClean="0"/>
            <a:t>Implement changes fast</a:t>
          </a:r>
          <a:endParaRPr lang="en-GB" sz="1400" dirty="0"/>
        </a:p>
      </dgm:t>
    </dgm:pt>
    <dgm:pt modelId="{52327EC3-26F2-4D26-9F36-3A8D8C7A642E}" type="parTrans" cxnId="{89C91522-41D9-4976-929E-033EC95222B8}">
      <dgm:prSet/>
      <dgm:spPr/>
      <dgm:t>
        <a:bodyPr/>
        <a:lstStyle/>
        <a:p>
          <a:endParaRPr lang="en-GB"/>
        </a:p>
      </dgm:t>
    </dgm:pt>
    <dgm:pt modelId="{62F4E1E3-8079-4CB2-85DE-56949B0C5F91}" type="sibTrans" cxnId="{89C91522-41D9-4976-929E-033EC95222B8}">
      <dgm:prSet/>
      <dgm:spPr/>
      <dgm:t>
        <a:bodyPr/>
        <a:lstStyle/>
        <a:p>
          <a:endParaRPr lang="en-GB"/>
        </a:p>
      </dgm:t>
    </dgm:pt>
    <dgm:pt modelId="{A73241FF-D185-42BF-A698-4B1097A86678}">
      <dgm:prSet custT="1"/>
      <dgm:spPr/>
      <dgm:t>
        <a:bodyPr/>
        <a:lstStyle/>
        <a:p>
          <a:pPr rtl="0"/>
          <a:r>
            <a:rPr lang="en-GB" sz="1400" b="1" baseline="0" dirty="0" smtClean="0"/>
            <a:t>Allow time in project plan for:</a:t>
          </a:r>
          <a:endParaRPr lang="en-GB" sz="1400" dirty="0"/>
        </a:p>
      </dgm:t>
    </dgm:pt>
    <dgm:pt modelId="{EE711144-1315-4B4B-817F-4B77C5C412C5}" type="parTrans" cxnId="{2D998C17-6E74-421F-9903-DC3D00822582}">
      <dgm:prSet/>
      <dgm:spPr/>
      <dgm:t>
        <a:bodyPr/>
        <a:lstStyle/>
        <a:p>
          <a:endParaRPr lang="en-GB"/>
        </a:p>
      </dgm:t>
    </dgm:pt>
    <dgm:pt modelId="{3671EB63-6BDF-451A-8325-EF1706EC8064}" type="sibTrans" cxnId="{2D998C17-6E74-421F-9903-DC3D00822582}">
      <dgm:prSet/>
      <dgm:spPr/>
      <dgm:t>
        <a:bodyPr/>
        <a:lstStyle/>
        <a:p>
          <a:endParaRPr lang="en-GB"/>
        </a:p>
      </dgm:t>
    </dgm:pt>
    <dgm:pt modelId="{6AE2935D-5D3D-4586-8EEA-D95B01170B7B}">
      <dgm:prSet custT="1"/>
      <dgm:spPr/>
      <dgm:t>
        <a:bodyPr/>
        <a:lstStyle/>
        <a:p>
          <a:pPr rtl="0"/>
          <a:r>
            <a:rPr lang="en-GB" sz="1600" baseline="0" dirty="0" smtClean="0"/>
            <a:t>usability, IL skills developed, or both!</a:t>
          </a:r>
          <a:endParaRPr lang="en-GB" sz="1600" dirty="0"/>
        </a:p>
      </dgm:t>
    </dgm:pt>
    <dgm:pt modelId="{3FD80F8E-190A-49EE-AE13-D0F983309BBA}" type="parTrans" cxnId="{8604E15A-AF76-4C81-9249-DE25C2EBCC6E}">
      <dgm:prSet/>
      <dgm:spPr/>
      <dgm:t>
        <a:bodyPr/>
        <a:lstStyle/>
        <a:p>
          <a:endParaRPr lang="en-GB"/>
        </a:p>
      </dgm:t>
    </dgm:pt>
    <dgm:pt modelId="{6C3480E2-DCF9-41F4-B514-9BD1FB6A99FF}" type="sibTrans" cxnId="{8604E15A-AF76-4C81-9249-DE25C2EBCC6E}">
      <dgm:prSet/>
      <dgm:spPr/>
      <dgm:t>
        <a:bodyPr/>
        <a:lstStyle/>
        <a:p>
          <a:endParaRPr lang="en-GB"/>
        </a:p>
      </dgm:t>
    </dgm:pt>
    <dgm:pt modelId="{89E8904A-4D28-4150-BBA6-9785313E0F42}">
      <dgm:prSet custT="1"/>
      <dgm:spPr/>
      <dgm:t>
        <a:bodyPr/>
        <a:lstStyle/>
        <a:p>
          <a:r>
            <a:rPr lang="en-GB" sz="1600" baseline="0" dirty="0" smtClean="0"/>
            <a:t>keep detailed notes</a:t>
          </a:r>
          <a:endParaRPr lang="en-GB" sz="1600" dirty="0"/>
        </a:p>
      </dgm:t>
    </dgm:pt>
    <dgm:pt modelId="{96E655C0-07AB-46E2-825B-E511C5A182F9}" type="parTrans" cxnId="{FA35B027-17D7-444A-BC3C-EBF59A3E5DB5}">
      <dgm:prSet/>
      <dgm:spPr/>
      <dgm:t>
        <a:bodyPr/>
        <a:lstStyle/>
        <a:p>
          <a:endParaRPr lang="en-GB"/>
        </a:p>
      </dgm:t>
    </dgm:pt>
    <dgm:pt modelId="{D1604B54-3039-4885-BFD4-66B1DD4B0C7E}" type="sibTrans" cxnId="{FA35B027-17D7-444A-BC3C-EBF59A3E5DB5}">
      <dgm:prSet/>
      <dgm:spPr/>
      <dgm:t>
        <a:bodyPr/>
        <a:lstStyle/>
        <a:p>
          <a:endParaRPr lang="en-GB"/>
        </a:p>
      </dgm:t>
    </dgm:pt>
    <dgm:pt modelId="{CC10B0E0-AC07-4F57-8694-DB05C6E9B596}">
      <dgm:prSet custT="1"/>
      <dgm:spPr/>
      <dgm:t>
        <a:bodyPr/>
        <a:lstStyle/>
        <a:p>
          <a:pPr rtl="0"/>
          <a:r>
            <a:rPr lang="en-GB" sz="1600" baseline="0" dirty="0" smtClean="0"/>
            <a:t>select range of differently abled users with various language skills. </a:t>
          </a:r>
          <a:endParaRPr lang="en-GB" sz="1600" dirty="0"/>
        </a:p>
      </dgm:t>
    </dgm:pt>
    <dgm:pt modelId="{F4801088-B40B-45D6-AD3E-9781AA838B2B}" type="parTrans" cxnId="{F859792B-D94C-409D-ABC2-E6FF51259F55}">
      <dgm:prSet/>
      <dgm:spPr/>
      <dgm:t>
        <a:bodyPr/>
        <a:lstStyle/>
        <a:p>
          <a:endParaRPr lang="en-GB"/>
        </a:p>
      </dgm:t>
    </dgm:pt>
    <dgm:pt modelId="{BF1A241E-1C4D-49FF-A7FC-91AFBE70D326}" type="sibTrans" cxnId="{F859792B-D94C-409D-ABC2-E6FF51259F55}">
      <dgm:prSet/>
      <dgm:spPr/>
      <dgm:t>
        <a:bodyPr/>
        <a:lstStyle/>
        <a:p>
          <a:endParaRPr lang="en-GB"/>
        </a:p>
      </dgm:t>
    </dgm:pt>
    <dgm:pt modelId="{54194A51-898E-47C7-9738-D96AF794989F}">
      <dgm:prSet custT="1"/>
      <dgm:spPr/>
      <dgm:t>
        <a:bodyPr/>
        <a:lstStyle/>
        <a:p>
          <a:pPr rtl="0"/>
          <a:r>
            <a:rPr lang="en-GB" sz="1600" baseline="0" dirty="0" smtClean="0"/>
            <a:t>test on as many different devices as possible</a:t>
          </a:r>
          <a:endParaRPr lang="en-GB" sz="1600" dirty="0"/>
        </a:p>
      </dgm:t>
    </dgm:pt>
    <dgm:pt modelId="{C0E51F1D-37E3-4E42-B938-705A4FFCA792}" type="parTrans" cxnId="{713DCF32-F60D-42F1-9689-45235DD6B46E}">
      <dgm:prSet/>
      <dgm:spPr/>
      <dgm:t>
        <a:bodyPr/>
        <a:lstStyle/>
        <a:p>
          <a:endParaRPr lang="en-GB"/>
        </a:p>
      </dgm:t>
    </dgm:pt>
    <dgm:pt modelId="{3258C523-E0FD-49D8-BD42-ACAA9319263E}" type="sibTrans" cxnId="{713DCF32-F60D-42F1-9689-45235DD6B46E}">
      <dgm:prSet/>
      <dgm:spPr/>
      <dgm:t>
        <a:bodyPr/>
        <a:lstStyle/>
        <a:p>
          <a:endParaRPr lang="en-GB"/>
        </a:p>
      </dgm:t>
    </dgm:pt>
    <dgm:pt modelId="{22653CA2-F08F-47AE-994B-06F2A9E6D3BB}">
      <dgm:prSet custT="1"/>
      <dgm:spPr/>
      <dgm:t>
        <a:bodyPr/>
        <a:lstStyle/>
        <a:p>
          <a:r>
            <a:rPr lang="en-GB" sz="1600" baseline="0" dirty="0" smtClean="0"/>
            <a:t>good for qualitative feedback</a:t>
          </a:r>
          <a:endParaRPr lang="en-GB" sz="1600" dirty="0"/>
        </a:p>
      </dgm:t>
    </dgm:pt>
    <dgm:pt modelId="{224B71B9-1949-49E0-8273-9B6BD6CE2A02}" type="parTrans" cxnId="{D5679F84-A861-4802-8BFE-AB85C1C67B94}">
      <dgm:prSet/>
      <dgm:spPr/>
      <dgm:t>
        <a:bodyPr/>
        <a:lstStyle/>
        <a:p>
          <a:endParaRPr lang="en-GB"/>
        </a:p>
      </dgm:t>
    </dgm:pt>
    <dgm:pt modelId="{D4581217-0154-4A61-92E4-E85FB7443F5D}" type="sibTrans" cxnId="{D5679F84-A861-4802-8BFE-AB85C1C67B94}">
      <dgm:prSet/>
      <dgm:spPr/>
      <dgm:t>
        <a:bodyPr/>
        <a:lstStyle/>
        <a:p>
          <a:endParaRPr lang="en-GB"/>
        </a:p>
      </dgm:t>
    </dgm:pt>
    <dgm:pt modelId="{01682505-6072-4F14-BDD0-9E75E6292B75}">
      <dgm:prSet custT="1"/>
      <dgm:spPr/>
      <dgm:t>
        <a:bodyPr/>
        <a:lstStyle/>
        <a:p>
          <a:pPr rtl="0"/>
          <a:r>
            <a:rPr lang="en-GB" sz="1600" baseline="0" dirty="0" smtClean="0"/>
            <a:t>keep them short! Check institutional policy. Consider paper surveys!</a:t>
          </a:r>
          <a:endParaRPr lang="en-GB" sz="1400" dirty="0"/>
        </a:p>
      </dgm:t>
    </dgm:pt>
    <dgm:pt modelId="{CDEC148A-3439-4827-9F40-5A7D47F4AC85}" type="parTrans" cxnId="{20889112-E2BF-494D-B3F3-C8BDC3A358EE}">
      <dgm:prSet/>
      <dgm:spPr/>
      <dgm:t>
        <a:bodyPr/>
        <a:lstStyle/>
        <a:p>
          <a:endParaRPr lang="en-GB"/>
        </a:p>
      </dgm:t>
    </dgm:pt>
    <dgm:pt modelId="{1A40713F-9142-4DB4-A4C0-5BE97188834E}" type="sibTrans" cxnId="{20889112-E2BF-494D-B3F3-C8BDC3A358EE}">
      <dgm:prSet/>
      <dgm:spPr/>
      <dgm:t>
        <a:bodyPr/>
        <a:lstStyle/>
        <a:p>
          <a:endParaRPr lang="en-GB"/>
        </a:p>
      </dgm:t>
    </dgm:pt>
    <dgm:pt modelId="{C3DD6B39-DD87-4C93-A44D-E7A13D76A2D7}">
      <dgm:prSet custT="1"/>
      <dgm:spPr/>
      <dgm:t>
        <a:bodyPr/>
        <a:lstStyle/>
        <a:p>
          <a:pPr rtl="0"/>
          <a:r>
            <a:rPr lang="en-GB" sz="1600" baseline="0" dirty="0" smtClean="0"/>
            <a:t>or inform users why</a:t>
          </a:r>
          <a:endParaRPr lang="en-GB" sz="1400" dirty="0"/>
        </a:p>
      </dgm:t>
    </dgm:pt>
    <dgm:pt modelId="{55A447EE-E046-46AF-96C3-8D85B0C75DAB}" type="parTrans" cxnId="{6177FF25-4A21-4067-8989-2B22E89FE284}">
      <dgm:prSet/>
      <dgm:spPr/>
      <dgm:t>
        <a:bodyPr/>
        <a:lstStyle/>
        <a:p>
          <a:endParaRPr lang="en-GB"/>
        </a:p>
      </dgm:t>
    </dgm:pt>
    <dgm:pt modelId="{62C4538A-B29F-47BC-94CA-3E18A7FEF5C3}" type="sibTrans" cxnId="{6177FF25-4A21-4067-8989-2B22E89FE284}">
      <dgm:prSet/>
      <dgm:spPr/>
      <dgm:t>
        <a:bodyPr/>
        <a:lstStyle/>
        <a:p>
          <a:endParaRPr lang="en-GB"/>
        </a:p>
      </dgm:t>
    </dgm:pt>
    <dgm:pt modelId="{0B1E3683-0C9F-4666-B5AC-57FAE0269BCA}">
      <dgm:prSet custT="1"/>
      <dgm:spPr/>
      <dgm:t>
        <a:bodyPr/>
        <a:lstStyle/>
        <a:p>
          <a:r>
            <a:rPr lang="en-GB" sz="1600" baseline="0" dirty="0" smtClean="0"/>
            <a:t>pilot phase, inevitable delays, and revision</a:t>
          </a:r>
          <a:endParaRPr lang="en-GB" sz="1400" dirty="0"/>
        </a:p>
      </dgm:t>
    </dgm:pt>
    <dgm:pt modelId="{2A6A3555-F802-4295-B330-AE4BAE7ACA2C}" type="parTrans" cxnId="{43A8D4BF-977B-4BBE-9254-2914BEA47A00}">
      <dgm:prSet/>
      <dgm:spPr/>
      <dgm:t>
        <a:bodyPr/>
        <a:lstStyle/>
        <a:p>
          <a:endParaRPr lang="en-GB"/>
        </a:p>
      </dgm:t>
    </dgm:pt>
    <dgm:pt modelId="{5650998C-58F6-4AD0-9DF9-BF04E90147EA}" type="sibTrans" cxnId="{43A8D4BF-977B-4BBE-9254-2914BEA47A00}">
      <dgm:prSet/>
      <dgm:spPr/>
      <dgm:t>
        <a:bodyPr/>
        <a:lstStyle/>
        <a:p>
          <a:endParaRPr lang="en-GB"/>
        </a:p>
      </dgm:t>
    </dgm:pt>
    <dgm:pt modelId="{70033992-C9A6-495F-A796-2E8879C20020}" type="pres">
      <dgm:prSet presAssocID="{EA4E62FD-10C7-4BBB-A580-CDB8CF9771DA}" presName="linear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en-GB"/>
        </a:p>
      </dgm:t>
    </dgm:pt>
    <dgm:pt modelId="{4AFD6556-5182-4BA3-87BE-A4CA9B33574D}" type="pres">
      <dgm:prSet presAssocID="{5329FD31-A138-4920-9D9E-8923C93C793C}" presName="parentLin" presStyleCnt="0"/>
      <dgm:spPr/>
    </dgm:pt>
    <dgm:pt modelId="{29EC6843-C1A4-4432-A8DB-7CC34DF88F2D}" type="pres">
      <dgm:prSet presAssocID="{5329FD31-A138-4920-9D9E-8923C93C793C}" presName="parentLeftMargin" presStyleLbl="node1" presStyleIdx="0" presStyleCnt="7"/>
      <dgm:spPr/>
      <dgm:t>
        <a:bodyPr/>
        <a:lstStyle/>
        <a:p>
          <a:endParaRPr lang="en-GB"/>
        </a:p>
      </dgm:t>
    </dgm:pt>
    <dgm:pt modelId="{75F2836F-5803-409F-AA35-40275D81F7BE}" type="pres">
      <dgm:prSet presAssocID="{5329FD31-A138-4920-9D9E-8923C93C793C}" presName="parentText" presStyleLbl="node1" presStyleIdx="0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37C25AF9-D728-419B-AEC0-AEA3D70C872F}" type="pres">
      <dgm:prSet presAssocID="{5329FD31-A138-4920-9D9E-8923C93C793C}" presName="negativeSpace" presStyleCnt="0"/>
      <dgm:spPr/>
    </dgm:pt>
    <dgm:pt modelId="{36490AEF-CC71-4725-931B-89A5DFD3D858}" type="pres">
      <dgm:prSet presAssocID="{5329FD31-A138-4920-9D9E-8923C93C793C}" presName="childText" presStyleLbl="conFgAcc1" presStyleIdx="0" presStyleCnt="7" custLinFactNeighborX="-14" custLinFactNeighborY="56802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03DF051C-E459-4F9F-BEA8-8B1A259308BE}" type="pres">
      <dgm:prSet presAssocID="{70B82997-5E8A-4D65-87DE-E5C078A6D50D}" presName="spaceBetweenRectangles" presStyleCnt="0"/>
      <dgm:spPr/>
    </dgm:pt>
    <dgm:pt modelId="{94931EF2-0ADD-42F8-8CDE-B820BB19D378}" type="pres">
      <dgm:prSet presAssocID="{C89B6463-02F9-4C6E-9F43-792FE9140546}" presName="parentLin" presStyleCnt="0"/>
      <dgm:spPr/>
    </dgm:pt>
    <dgm:pt modelId="{BD8DD3D5-E56D-494D-8E3D-F4404B2D127C}" type="pres">
      <dgm:prSet presAssocID="{C89B6463-02F9-4C6E-9F43-792FE9140546}" presName="parentLeftMargin" presStyleLbl="node1" presStyleIdx="0" presStyleCnt="7"/>
      <dgm:spPr/>
      <dgm:t>
        <a:bodyPr/>
        <a:lstStyle/>
        <a:p>
          <a:endParaRPr lang="en-GB"/>
        </a:p>
      </dgm:t>
    </dgm:pt>
    <dgm:pt modelId="{03CA3B71-1743-42A9-B251-FA1B609AE65F}" type="pres">
      <dgm:prSet presAssocID="{C89B6463-02F9-4C6E-9F43-792FE9140546}" presName="parentText" presStyleLbl="node1" presStyleIdx="1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A22D5C08-D578-44E9-A4C8-A9B8946AAA4B}" type="pres">
      <dgm:prSet presAssocID="{C89B6463-02F9-4C6E-9F43-792FE9140546}" presName="negativeSpace" presStyleCnt="0"/>
      <dgm:spPr/>
    </dgm:pt>
    <dgm:pt modelId="{DAA701F8-05A7-47AC-97A4-7C10AA2A5628}" type="pres">
      <dgm:prSet presAssocID="{C89B6463-02F9-4C6E-9F43-792FE9140546}" presName="childText" presStyleLbl="conFgAcc1" presStyleIdx="1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116CBBCE-F255-4E6A-AB67-EF4CAE9178FE}" type="pres">
      <dgm:prSet presAssocID="{09E77CA7-FBC4-4F7F-A016-2AE759AA0B71}" presName="spaceBetweenRectangles" presStyleCnt="0"/>
      <dgm:spPr/>
    </dgm:pt>
    <dgm:pt modelId="{54F1DFBA-7519-4BEC-B305-09D5095B14CF}" type="pres">
      <dgm:prSet presAssocID="{00A658B9-CE12-4B2B-959B-5C7682C11885}" presName="parentLin" presStyleCnt="0"/>
      <dgm:spPr/>
    </dgm:pt>
    <dgm:pt modelId="{D1C011BA-9BEB-45FD-8870-83064A82BCFA}" type="pres">
      <dgm:prSet presAssocID="{00A658B9-CE12-4B2B-959B-5C7682C11885}" presName="parentLeftMargin" presStyleLbl="node1" presStyleIdx="1" presStyleCnt="7"/>
      <dgm:spPr/>
      <dgm:t>
        <a:bodyPr/>
        <a:lstStyle/>
        <a:p>
          <a:endParaRPr lang="en-GB"/>
        </a:p>
      </dgm:t>
    </dgm:pt>
    <dgm:pt modelId="{81BCB115-B137-4744-9287-60F0DCFA05BE}" type="pres">
      <dgm:prSet presAssocID="{00A658B9-CE12-4B2B-959B-5C7682C11885}" presName="parentText" presStyleLbl="node1" presStyleIdx="2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96166B88-7387-40FB-91BF-2751CEAB62E2}" type="pres">
      <dgm:prSet presAssocID="{00A658B9-CE12-4B2B-959B-5C7682C11885}" presName="negativeSpace" presStyleCnt="0"/>
      <dgm:spPr/>
    </dgm:pt>
    <dgm:pt modelId="{5D3F5C7B-A4DB-4425-BB4F-C10FB773CD8C}" type="pres">
      <dgm:prSet presAssocID="{00A658B9-CE12-4B2B-959B-5C7682C11885}" presName="childText" presStyleLbl="conFgAcc1" presStyleIdx="2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77D16697-8980-44C8-B0F4-D6A5062F3DDD}" type="pres">
      <dgm:prSet presAssocID="{13ACB2DD-C790-472A-991C-51ADC294556C}" presName="spaceBetweenRectangles" presStyleCnt="0"/>
      <dgm:spPr/>
    </dgm:pt>
    <dgm:pt modelId="{8FF729CB-A45A-47E4-B165-124DA66D5CAA}" type="pres">
      <dgm:prSet presAssocID="{B3D2AF81-C226-4236-8ED5-9770819A0231}" presName="parentLin" presStyleCnt="0"/>
      <dgm:spPr/>
    </dgm:pt>
    <dgm:pt modelId="{45B0F7CD-FEEE-4C4F-90A1-03A2CE2D3CC9}" type="pres">
      <dgm:prSet presAssocID="{B3D2AF81-C226-4236-8ED5-9770819A0231}" presName="parentLeftMargin" presStyleLbl="node1" presStyleIdx="2" presStyleCnt="7"/>
      <dgm:spPr/>
      <dgm:t>
        <a:bodyPr/>
        <a:lstStyle/>
        <a:p>
          <a:endParaRPr lang="en-GB"/>
        </a:p>
      </dgm:t>
    </dgm:pt>
    <dgm:pt modelId="{CAACB2D2-EE65-4E49-BC7B-F4AEE505C9ED}" type="pres">
      <dgm:prSet presAssocID="{B3D2AF81-C226-4236-8ED5-9770819A0231}" presName="parentText" presStyleLbl="node1" presStyleIdx="3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0F06B32C-870F-4038-B3E3-BCCC561B717F}" type="pres">
      <dgm:prSet presAssocID="{B3D2AF81-C226-4236-8ED5-9770819A0231}" presName="negativeSpace" presStyleCnt="0"/>
      <dgm:spPr/>
    </dgm:pt>
    <dgm:pt modelId="{11D3D167-396E-4410-BA8E-C1E22DA7AE42}" type="pres">
      <dgm:prSet presAssocID="{B3D2AF81-C226-4236-8ED5-9770819A0231}" presName="childText" presStyleLbl="conFgAcc1" presStyleIdx="3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34230536-4FF0-4A5F-9FC6-14590822AB5A}" type="pres">
      <dgm:prSet presAssocID="{42F36ABE-CCEB-43A4-A839-CD069F6FF388}" presName="spaceBetweenRectangles" presStyleCnt="0"/>
      <dgm:spPr/>
    </dgm:pt>
    <dgm:pt modelId="{94E99A29-58F3-4A73-8A38-78667043F973}" type="pres">
      <dgm:prSet presAssocID="{DC33D726-AFF8-4433-A400-9FF235C6A211}" presName="parentLin" presStyleCnt="0"/>
      <dgm:spPr/>
    </dgm:pt>
    <dgm:pt modelId="{80D05E26-7EFB-460A-9986-10541DE7EE5E}" type="pres">
      <dgm:prSet presAssocID="{DC33D726-AFF8-4433-A400-9FF235C6A211}" presName="parentLeftMargin" presStyleLbl="node1" presStyleIdx="3" presStyleCnt="7"/>
      <dgm:spPr/>
      <dgm:t>
        <a:bodyPr/>
        <a:lstStyle/>
        <a:p>
          <a:endParaRPr lang="en-GB"/>
        </a:p>
      </dgm:t>
    </dgm:pt>
    <dgm:pt modelId="{9EA3BA43-0E51-4824-B35A-EDA624141323}" type="pres">
      <dgm:prSet presAssocID="{DC33D726-AFF8-4433-A400-9FF235C6A211}" presName="parentText" presStyleLbl="node1" presStyleIdx="4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2054A2BF-36D6-4ECA-BD78-1DAF6E70F76B}" type="pres">
      <dgm:prSet presAssocID="{DC33D726-AFF8-4433-A400-9FF235C6A211}" presName="negativeSpace" presStyleCnt="0"/>
      <dgm:spPr/>
    </dgm:pt>
    <dgm:pt modelId="{FB181DD8-2187-4B4D-9EA2-7283D894F76C}" type="pres">
      <dgm:prSet presAssocID="{DC33D726-AFF8-4433-A400-9FF235C6A211}" presName="childText" presStyleLbl="conFgAcc1" presStyleIdx="4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AAE6B7B0-27F2-4A13-ACEA-01BB603BFA64}" type="pres">
      <dgm:prSet presAssocID="{A77B86F7-69BE-4186-9BA3-4A2BB3881344}" presName="spaceBetweenRectangles" presStyleCnt="0"/>
      <dgm:spPr/>
    </dgm:pt>
    <dgm:pt modelId="{A6F43649-9D31-43DB-B10C-175869A6379E}" type="pres">
      <dgm:prSet presAssocID="{33C075BA-F1ED-450F-9148-1EDDF80FB7C4}" presName="parentLin" presStyleCnt="0"/>
      <dgm:spPr/>
    </dgm:pt>
    <dgm:pt modelId="{66924D64-41C6-45A2-8000-AB7126CF1425}" type="pres">
      <dgm:prSet presAssocID="{33C075BA-F1ED-450F-9148-1EDDF80FB7C4}" presName="parentLeftMargin" presStyleLbl="node1" presStyleIdx="4" presStyleCnt="7"/>
      <dgm:spPr/>
      <dgm:t>
        <a:bodyPr/>
        <a:lstStyle/>
        <a:p>
          <a:endParaRPr lang="en-GB"/>
        </a:p>
      </dgm:t>
    </dgm:pt>
    <dgm:pt modelId="{76E94E1D-73FD-4D47-9522-044383E86E60}" type="pres">
      <dgm:prSet presAssocID="{33C075BA-F1ED-450F-9148-1EDDF80FB7C4}" presName="parentText" presStyleLbl="node1" presStyleIdx="5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4528881A-4E36-4D2B-8184-51C0C2CB62BB}" type="pres">
      <dgm:prSet presAssocID="{33C075BA-F1ED-450F-9148-1EDDF80FB7C4}" presName="negativeSpace" presStyleCnt="0"/>
      <dgm:spPr/>
    </dgm:pt>
    <dgm:pt modelId="{055F1316-9C42-4AAD-BE5B-418619C75AC8}" type="pres">
      <dgm:prSet presAssocID="{33C075BA-F1ED-450F-9148-1EDDF80FB7C4}" presName="childText" presStyleLbl="conFgAcc1" presStyleIdx="5" presStyleCnt="7" custLinFactNeighborY="52380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E0CA178A-8A5D-4B2F-89B3-F64DB890D099}" type="pres">
      <dgm:prSet presAssocID="{62F4E1E3-8079-4CB2-85DE-56949B0C5F91}" presName="spaceBetweenRectangles" presStyleCnt="0"/>
      <dgm:spPr/>
    </dgm:pt>
    <dgm:pt modelId="{88FFB0CB-E632-49E2-B012-23971C445EF4}" type="pres">
      <dgm:prSet presAssocID="{A73241FF-D185-42BF-A698-4B1097A86678}" presName="parentLin" presStyleCnt="0"/>
      <dgm:spPr/>
    </dgm:pt>
    <dgm:pt modelId="{37E464DD-8A06-4DAD-986A-52996E406D4A}" type="pres">
      <dgm:prSet presAssocID="{A73241FF-D185-42BF-A698-4B1097A86678}" presName="parentLeftMargin" presStyleLbl="node1" presStyleIdx="5" presStyleCnt="7"/>
      <dgm:spPr/>
      <dgm:t>
        <a:bodyPr/>
        <a:lstStyle/>
        <a:p>
          <a:endParaRPr lang="en-GB"/>
        </a:p>
      </dgm:t>
    </dgm:pt>
    <dgm:pt modelId="{16298060-84B0-4637-A7A7-7A876A777B2A}" type="pres">
      <dgm:prSet presAssocID="{A73241FF-D185-42BF-A698-4B1097A86678}" presName="parentText" presStyleLbl="node1" presStyleIdx="6" presStyleCnt="7">
        <dgm:presLayoutVars>
          <dgm:chMax val="0"/>
          <dgm:bulletEnabled val="1"/>
        </dgm:presLayoutVars>
      </dgm:prSet>
      <dgm:spPr/>
      <dgm:t>
        <a:bodyPr/>
        <a:lstStyle/>
        <a:p>
          <a:endParaRPr lang="en-GB"/>
        </a:p>
      </dgm:t>
    </dgm:pt>
    <dgm:pt modelId="{11CF67A8-9C95-4ADF-B8F4-F027D8882231}" type="pres">
      <dgm:prSet presAssocID="{A73241FF-D185-42BF-A698-4B1097A86678}" presName="negativeSpace" presStyleCnt="0"/>
      <dgm:spPr/>
    </dgm:pt>
    <dgm:pt modelId="{1AE15098-41D9-498B-9979-4CE01FF69312}" type="pres">
      <dgm:prSet presAssocID="{A73241FF-D185-42BF-A698-4B1097A86678}" presName="childText" presStyleLbl="conFgAcc1" presStyleIdx="6" presStyleCnt="7">
        <dgm:presLayoutVars>
          <dgm:bulletEnabled val="1"/>
        </dgm:presLayoutVars>
      </dgm:prSet>
      <dgm:spPr/>
      <dgm:t>
        <a:bodyPr/>
        <a:lstStyle/>
        <a:p>
          <a:endParaRPr lang="en-GB"/>
        </a:p>
      </dgm:t>
    </dgm:pt>
  </dgm:ptLst>
  <dgm:cxnLst>
    <dgm:cxn modelId="{445F051E-7FB1-4837-A52B-45D797FFB021}" type="presOf" srcId="{DC33D726-AFF8-4433-A400-9FF235C6A211}" destId="{9EA3BA43-0E51-4824-B35A-EDA624141323}" srcOrd="1" destOrd="0" presId="urn:microsoft.com/office/officeart/2005/8/layout/list1"/>
    <dgm:cxn modelId="{8DE087D2-15F3-4824-8111-3DE98C983D7C}" type="presOf" srcId="{A73241FF-D185-42BF-A698-4B1097A86678}" destId="{16298060-84B0-4637-A7A7-7A876A777B2A}" srcOrd="1" destOrd="0" presId="urn:microsoft.com/office/officeart/2005/8/layout/list1"/>
    <dgm:cxn modelId="{531184C5-DD9A-4169-A1CD-311F682EF665}" type="presOf" srcId="{B3D2AF81-C226-4236-8ED5-9770819A0231}" destId="{CAACB2D2-EE65-4E49-BC7B-F4AEE505C9ED}" srcOrd="1" destOrd="0" presId="urn:microsoft.com/office/officeart/2005/8/layout/list1"/>
    <dgm:cxn modelId="{8604E15A-AF76-4C81-9249-DE25C2EBCC6E}" srcId="{5329FD31-A138-4920-9D9E-8923C93C793C}" destId="{6AE2935D-5D3D-4586-8EEA-D95B01170B7B}" srcOrd="0" destOrd="0" parTransId="{3FD80F8E-190A-49EE-AE13-D0F983309BBA}" sibTransId="{6C3480E2-DCF9-41F4-B514-9BD1FB6A99FF}"/>
    <dgm:cxn modelId="{EB636DFC-DEF3-4D5D-8E8E-AA62A770F5C3}" type="presOf" srcId="{A73241FF-D185-42BF-A698-4B1097A86678}" destId="{37E464DD-8A06-4DAD-986A-52996E406D4A}" srcOrd="0" destOrd="0" presId="urn:microsoft.com/office/officeart/2005/8/layout/list1"/>
    <dgm:cxn modelId="{8C4C834F-F9A9-42CE-882C-9B58483356DB}" type="presOf" srcId="{CC10B0E0-AC07-4F57-8694-DB05C6E9B596}" destId="{5D3F5C7B-A4DB-4425-BB4F-C10FB773CD8C}" srcOrd="0" destOrd="0" presId="urn:microsoft.com/office/officeart/2005/8/layout/list1"/>
    <dgm:cxn modelId="{3582F3AB-EB03-4671-BAF0-A76AC4C4DD56}" type="presOf" srcId="{C89B6463-02F9-4C6E-9F43-792FE9140546}" destId="{03CA3B71-1743-42A9-B251-FA1B609AE65F}" srcOrd="1" destOrd="0" presId="urn:microsoft.com/office/officeart/2005/8/layout/list1"/>
    <dgm:cxn modelId="{ABA661D3-8C94-43C3-84AB-B2FA02384E08}" type="presOf" srcId="{00A658B9-CE12-4B2B-959B-5C7682C11885}" destId="{81BCB115-B137-4744-9287-60F0DCFA05BE}" srcOrd="1" destOrd="0" presId="urn:microsoft.com/office/officeart/2005/8/layout/list1"/>
    <dgm:cxn modelId="{2D998C17-6E74-421F-9903-DC3D00822582}" srcId="{EA4E62FD-10C7-4BBB-A580-CDB8CF9771DA}" destId="{A73241FF-D185-42BF-A698-4B1097A86678}" srcOrd="6" destOrd="0" parTransId="{EE711144-1315-4B4B-817F-4B77C5C412C5}" sibTransId="{3671EB63-6BDF-451A-8325-EF1706EC8064}"/>
    <dgm:cxn modelId="{B4592070-084D-4D4E-900E-300456D85F37}" type="presOf" srcId="{5329FD31-A138-4920-9D9E-8923C93C793C}" destId="{29EC6843-C1A4-4432-A8DB-7CC34DF88F2D}" srcOrd="0" destOrd="0" presId="urn:microsoft.com/office/officeart/2005/8/layout/list1"/>
    <dgm:cxn modelId="{713DCF32-F60D-42F1-9689-45235DD6B46E}" srcId="{00A658B9-CE12-4B2B-959B-5C7682C11885}" destId="{54194A51-898E-47C7-9738-D96AF794989F}" srcOrd="1" destOrd="0" parTransId="{C0E51F1D-37E3-4E42-B938-705A4FFCA792}" sibTransId="{3258C523-E0FD-49D8-BD42-ACAA9319263E}"/>
    <dgm:cxn modelId="{89C91522-41D9-4976-929E-033EC95222B8}" srcId="{EA4E62FD-10C7-4BBB-A580-CDB8CF9771DA}" destId="{33C075BA-F1ED-450F-9148-1EDDF80FB7C4}" srcOrd="5" destOrd="0" parTransId="{52327EC3-26F2-4D26-9F36-3A8D8C7A642E}" sibTransId="{62F4E1E3-8079-4CB2-85DE-56949B0C5F91}"/>
    <dgm:cxn modelId="{D99B17F7-4706-4F15-AD05-6CA9A1C79D7E}" type="presOf" srcId="{C3DD6B39-DD87-4C93-A44D-E7A13D76A2D7}" destId="{055F1316-9C42-4AAD-BE5B-418619C75AC8}" srcOrd="0" destOrd="0" presId="urn:microsoft.com/office/officeart/2005/8/layout/list1"/>
    <dgm:cxn modelId="{02B87ABC-C82D-4D8C-858E-62DA6215331C}" type="presOf" srcId="{0B1E3683-0C9F-4666-B5AC-57FAE0269BCA}" destId="{1AE15098-41D9-498B-9979-4CE01FF69312}" srcOrd="0" destOrd="0" presId="urn:microsoft.com/office/officeart/2005/8/layout/list1"/>
    <dgm:cxn modelId="{1CAB4419-D496-4D61-AFD3-2AA44A3B3D74}" type="presOf" srcId="{6AE2935D-5D3D-4586-8EEA-D95B01170B7B}" destId="{36490AEF-CC71-4725-931B-89A5DFD3D858}" srcOrd="0" destOrd="0" presId="urn:microsoft.com/office/officeart/2005/8/layout/list1"/>
    <dgm:cxn modelId="{131377C5-DAA0-453A-85CB-B04757A1C185}" srcId="{EA4E62FD-10C7-4BBB-A580-CDB8CF9771DA}" destId="{DC33D726-AFF8-4433-A400-9FF235C6A211}" srcOrd="4" destOrd="0" parTransId="{B139EC08-E57C-4B39-AC32-D06D9CD077BE}" sibTransId="{A77B86F7-69BE-4186-9BA3-4A2BB3881344}"/>
    <dgm:cxn modelId="{25759E00-B335-47FF-9C47-17FC1F3E85E5}" type="presOf" srcId="{C89B6463-02F9-4C6E-9F43-792FE9140546}" destId="{BD8DD3D5-E56D-494D-8E3D-F4404B2D127C}" srcOrd="0" destOrd="0" presId="urn:microsoft.com/office/officeart/2005/8/layout/list1"/>
    <dgm:cxn modelId="{D5679F84-A861-4802-8BFE-AB85C1C67B94}" srcId="{B3D2AF81-C226-4236-8ED5-9770819A0231}" destId="{22653CA2-F08F-47AE-994B-06F2A9E6D3BB}" srcOrd="0" destOrd="0" parTransId="{224B71B9-1949-49E0-8273-9B6BD6CE2A02}" sibTransId="{D4581217-0154-4A61-92E4-E85FB7443F5D}"/>
    <dgm:cxn modelId="{BDE14962-4E8A-4908-9648-5F433068E8E2}" type="presOf" srcId="{33C075BA-F1ED-450F-9148-1EDDF80FB7C4}" destId="{76E94E1D-73FD-4D47-9522-044383E86E60}" srcOrd="1" destOrd="0" presId="urn:microsoft.com/office/officeart/2005/8/layout/list1"/>
    <dgm:cxn modelId="{FEE63AEB-D571-44E3-814E-35A61469BC85}" type="presOf" srcId="{B3D2AF81-C226-4236-8ED5-9770819A0231}" destId="{45B0F7CD-FEEE-4C4F-90A1-03A2CE2D3CC9}" srcOrd="0" destOrd="0" presId="urn:microsoft.com/office/officeart/2005/8/layout/list1"/>
    <dgm:cxn modelId="{E0CCE08C-5F4F-4828-897C-EF6069CE2592}" type="presOf" srcId="{54194A51-898E-47C7-9738-D96AF794989F}" destId="{5D3F5C7B-A4DB-4425-BB4F-C10FB773CD8C}" srcOrd="0" destOrd="1" presId="urn:microsoft.com/office/officeart/2005/8/layout/list1"/>
    <dgm:cxn modelId="{8137D502-4553-4569-87AC-81101CAEA35B}" srcId="{EA4E62FD-10C7-4BBB-A580-CDB8CF9771DA}" destId="{C89B6463-02F9-4C6E-9F43-792FE9140546}" srcOrd="1" destOrd="0" parTransId="{5305893B-99EC-4EAD-90EF-21BC0687FD9C}" sibTransId="{09E77CA7-FBC4-4F7F-A016-2AE759AA0B71}"/>
    <dgm:cxn modelId="{7E83ECA3-585A-4011-9F6E-1E2C32D9FC0E}" type="presOf" srcId="{5329FD31-A138-4920-9D9E-8923C93C793C}" destId="{75F2836F-5803-409F-AA35-40275D81F7BE}" srcOrd="1" destOrd="0" presId="urn:microsoft.com/office/officeart/2005/8/layout/list1"/>
    <dgm:cxn modelId="{2B3FFFD2-F56A-47FA-BA90-C8AAED9E4D0D}" type="presOf" srcId="{89E8904A-4D28-4150-BBA6-9785313E0F42}" destId="{DAA701F8-05A7-47AC-97A4-7C10AA2A5628}" srcOrd="0" destOrd="0" presId="urn:microsoft.com/office/officeart/2005/8/layout/list1"/>
    <dgm:cxn modelId="{4859BD0E-D36E-405E-A7A8-551B2EFA4E09}" srcId="{EA4E62FD-10C7-4BBB-A580-CDB8CF9771DA}" destId="{00A658B9-CE12-4B2B-959B-5C7682C11885}" srcOrd="2" destOrd="0" parTransId="{B65D91BC-EFEA-49E5-A153-1A038C6CA2E7}" sibTransId="{13ACB2DD-C790-472A-991C-51ADC294556C}"/>
    <dgm:cxn modelId="{F23459D6-15A8-42BF-A6D1-901212218489}" type="presOf" srcId="{EA4E62FD-10C7-4BBB-A580-CDB8CF9771DA}" destId="{70033992-C9A6-495F-A796-2E8879C20020}" srcOrd="0" destOrd="0" presId="urn:microsoft.com/office/officeart/2005/8/layout/list1"/>
    <dgm:cxn modelId="{FA35B027-17D7-444A-BC3C-EBF59A3E5DB5}" srcId="{C89B6463-02F9-4C6E-9F43-792FE9140546}" destId="{89E8904A-4D28-4150-BBA6-9785313E0F42}" srcOrd="0" destOrd="0" parTransId="{96E655C0-07AB-46E2-825B-E511C5A182F9}" sibTransId="{D1604B54-3039-4885-BFD4-66B1DD4B0C7E}"/>
    <dgm:cxn modelId="{1EE395EE-4DEF-42F8-8033-E42E4F1F7BE6}" type="presOf" srcId="{DC33D726-AFF8-4433-A400-9FF235C6A211}" destId="{80D05E26-7EFB-460A-9986-10541DE7EE5E}" srcOrd="0" destOrd="0" presId="urn:microsoft.com/office/officeart/2005/8/layout/list1"/>
    <dgm:cxn modelId="{6177FF25-4A21-4067-8989-2B22E89FE284}" srcId="{33C075BA-F1ED-450F-9148-1EDDF80FB7C4}" destId="{C3DD6B39-DD87-4C93-A44D-E7A13D76A2D7}" srcOrd="0" destOrd="0" parTransId="{55A447EE-E046-46AF-96C3-8D85B0C75DAB}" sibTransId="{62C4538A-B29F-47BC-94CA-3E18A7FEF5C3}"/>
    <dgm:cxn modelId="{13320F58-F13D-4A23-AD42-66162D2B3A38}" srcId="{EA4E62FD-10C7-4BBB-A580-CDB8CF9771DA}" destId="{B3D2AF81-C226-4236-8ED5-9770819A0231}" srcOrd="3" destOrd="0" parTransId="{492C6A01-65B7-4F78-8559-A7989BA356FB}" sibTransId="{42F36ABE-CCEB-43A4-A839-CD069F6FF388}"/>
    <dgm:cxn modelId="{59A01A0B-7FFC-4B63-B102-E3FF50F2E34A}" type="presOf" srcId="{00A658B9-CE12-4B2B-959B-5C7682C11885}" destId="{D1C011BA-9BEB-45FD-8870-83064A82BCFA}" srcOrd="0" destOrd="0" presId="urn:microsoft.com/office/officeart/2005/8/layout/list1"/>
    <dgm:cxn modelId="{1EBB5008-E5CB-40F6-885C-B9A50A615A8E}" type="presOf" srcId="{01682505-6072-4F14-BDD0-9E75E6292B75}" destId="{FB181DD8-2187-4B4D-9EA2-7283D894F76C}" srcOrd="0" destOrd="0" presId="urn:microsoft.com/office/officeart/2005/8/layout/list1"/>
    <dgm:cxn modelId="{AE16B444-9BDA-421A-AC05-13D05E226106}" srcId="{EA4E62FD-10C7-4BBB-A580-CDB8CF9771DA}" destId="{5329FD31-A138-4920-9D9E-8923C93C793C}" srcOrd="0" destOrd="0" parTransId="{5310A5B7-AC64-4BDA-9E1F-D906E8D4431D}" sibTransId="{70B82997-5E8A-4D65-87DE-E5C078A6D50D}"/>
    <dgm:cxn modelId="{6E5E5A7B-3DCB-4696-A1A8-5D2D43C27296}" type="presOf" srcId="{22653CA2-F08F-47AE-994B-06F2A9E6D3BB}" destId="{11D3D167-396E-4410-BA8E-C1E22DA7AE42}" srcOrd="0" destOrd="0" presId="urn:microsoft.com/office/officeart/2005/8/layout/list1"/>
    <dgm:cxn modelId="{20889112-E2BF-494D-B3F3-C8BDC3A358EE}" srcId="{DC33D726-AFF8-4433-A400-9FF235C6A211}" destId="{01682505-6072-4F14-BDD0-9E75E6292B75}" srcOrd="0" destOrd="0" parTransId="{CDEC148A-3439-4827-9F40-5A7D47F4AC85}" sibTransId="{1A40713F-9142-4DB4-A4C0-5BE97188834E}"/>
    <dgm:cxn modelId="{43A8D4BF-977B-4BBE-9254-2914BEA47A00}" srcId="{A73241FF-D185-42BF-A698-4B1097A86678}" destId="{0B1E3683-0C9F-4666-B5AC-57FAE0269BCA}" srcOrd="0" destOrd="0" parTransId="{2A6A3555-F802-4295-B330-AE4BAE7ACA2C}" sibTransId="{5650998C-58F6-4AD0-9DF9-BF04E90147EA}"/>
    <dgm:cxn modelId="{FE9FDC64-B367-43F6-AF90-3C38C276CC1B}" type="presOf" srcId="{33C075BA-F1ED-450F-9148-1EDDF80FB7C4}" destId="{66924D64-41C6-45A2-8000-AB7126CF1425}" srcOrd="0" destOrd="0" presId="urn:microsoft.com/office/officeart/2005/8/layout/list1"/>
    <dgm:cxn modelId="{F859792B-D94C-409D-ABC2-E6FF51259F55}" srcId="{00A658B9-CE12-4B2B-959B-5C7682C11885}" destId="{CC10B0E0-AC07-4F57-8694-DB05C6E9B596}" srcOrd="0" destOrd="0" parTransId="{F4801088-B40B-45D6-AD3E-9781AA838B2B}" sibTransId="{BF1A241E-1C4D-49FF-A7FC-91AFBE70D326}"/>
    <dgm:cxn modelId="{69363A7F-B0F3-4D11-9911-175FDA685F4F}" type="presParOf" srcId="{70033992-C9A6-495F-A796-2E8879C20020}" destId="{4AFD6556-5182-4BA3-87BE-A4CA9B33574D}" srcOrd="0" destOrd="0" presId="urn:microsoft.com/office/officeart/2005/8/layout/list1"/>
    <dgm:cxn modelId="{2851C44E-B903-4FC1-B510-D2845A5DA7BE}" type="presParOf" srcId="{4AFD6556-5182-4BA3-87BE-A4CA9B33574D}" destId="{29EC6843-C1A4-4432-A8DB-7CC34DF88F2D}" srcOrd="0" destOrd="0" presId="urn:microsoft.com/office/officeart/2005/8/layout/list1"/>
    <dgm:cxn modelId="{CFEC0513-78CB-4D8A-B4CC-2222CFC71722}" type="presParOf" srcId="{4AFD6556-5182-4BA3-87BE-A4CA9B33574D}" destId="{75F2836F-5803-409F-AA35-40275D81F7BE}" srcOrd="1" destOrd="0" presId="urn:microsoft.com/office/officeart/2005/8/layout/list1"/>
    <dgm:cxn modelId="{EA8DCC1F-E38D-4599-9B53-48FAAF3D0EE9}" type="presParOf" srcId="{70033992-C9A6-495F-A796-2E8879C20020}" destId="{37C25AF9-D728-419B-AEC0-AEA3D70C872F}" srcOrd="1" destOrd="0" presId="urn:microsoft.com/office/officeart/2005/8/layout/list1"/>
    <dgm:cxn modelId="{291CCA4F-809D-47B0-9603-EE4D77F8049A}" type="presParOf" srcId="{70033992-C9A6-495F-A796-2E8879C20020}" destId="{36490AEF-CC71-4725-931B-89A5DFD3D858}" srcOrd="2" destOrd="0" presId="urn:microsoft.com/office/officeart/2005/8/layout/list1"/>
    <dgm:cxn modelId="{D77762FC-D1C5-4959-80C6-52BC32762241}" type="presParOf" srcId="{70033992-C9A6-495F-A796-2E8879C20020}" destId="{03DF051C-E459-4F9F-BEA8-8B1A259308BE}" srcOrd="3" destOrd="0" presId="urn:microsoft.com/office/officeart/2005/8/layout/list1"/>
    <dgm:cxn modelId="{DA577630-68BD-4323-BA22-847ED3631151}" type="presParOf" srcId="{70033992-C9A6-495F-A796-2E8879C20020}" destId="{94931EF2-0ADD-42F8-8CDE-B820BB19D378}" srcOrd="4" destOrd="0" presId="urn:microsoft.com/office/officeart/2005/8/layout/list1"/>
    <dgm:cxn modelId="{B59822B2-A70B-4B92-A72B-C51E21F48B69}" type="presParOf" srcId="{94931EF2-0ADD-42F8-8CDE-B820BB19D378}" destId="{BD8DD3D5-E56D-494D-8E3D-F4404B2D127C}" srcOrd="0" destOrd="0" presId="urn:microsoft.com/office/officeart/2005/8/layout/list1"/>
    <dgm:cxn modelId="{9D3F987C-8B90-4065-A990-30FBD24BE11F}" type="presParOf" srcId="{94931EF2-0ADD-42F8-8CDE-B820BB19D378}" destId="{03CA3B71-1743-42A9-B251-FA1B609AE65F}" srcOrd="1" destOrd="0" presId="urn:microsoft.com/office/officeart/2005/8/layout/list1"/>
    <dgm:cxn modelId="{23180A12-E658-439A-A140-E69AA836CA5A}" type="presParOf" srcId="{70033992-C9A6-495F-A796-2E8879C20020}" destId="{A22D5C08-D578-44E9-A4C8-A9B8946AAA4B}" srcOrd="5" destOrd="0" presId="urn:microsoft.com/office/officeart/2005/8/layout/list1"/>
    <dgm:cxn modelId="{793D8AFD-8F66-430E-A063-3F86308B7929}" type="presParOf" srcId="{70033992-C9A6-495F-A796-2E8879C20020}" destId="{DAA701F8-05A7-47AC-97A4-7C10AA2A5628}" srcOrd="6" destOrd="0" presId="urn:microsoft.com/office/officeart/2005/8/layout/list1"/>
    <dgm:cxn modelId="{304FCBA8-9EEA-4BF3-91C9-EB2EDF93EDAF}" type="presParOf" srcId="{70033992-C9A6-495F-A796-2E8879C20020}" destId="{116CBBCE-F255-4E6A-AB67-EF4CAE9178FE}" srcOrd="7" destOrd="0" presId="urn:microsoft.com/office/officeart/2005/8/layout/list1"/>
    <dgm:cxn modelId="{EE90AB40-EAC5-450E-8626-E7315ED983B5}" type="presParOf" srcId="{70033992-C9A6-495F-A796-2E8879C20020}" destId="{54F1DFBA-7519-4BEC-B305-09D5095B14CF}" srcOrd="8" destOrd="0" presId="urn:microsoft.com/office/officeart/2005/8/layout/list1"/>
    <dgm:cxn modelId="{8E31ECCC-9129-4B41-898F-7D6A2A0E349B}" type="presParOf" srcId="{54F1DFBA-7519-4BEC-B305-09D5095B14CF}" destId="{D1C011BA-9BEB-45FD-8870-83064A82BCFA}" srcOrd="0" destOrd="0" presId="urn:microsoft.com/office/officeart/2005/8/layout/list1"/>
    <dgm:cxn modelId="{B026112F-97F3-48D6-B11C-ECF72E5BBFE0}" type="presParOf" srcId="{54F1DFBA-7519-4BEC-B305-09D5095B14CF}" destId="{81BCB115-B137-4744-9287-60F0DCFA05BE}" srcOrd="1" destOrd="0" presId="urn:microsoft.com/office/officeart/2005/8/layout/list1"/>
    <dgm:cxn modelId="{4DD957C6-8982-4A3D-A5C4-ABF7551C4B43}" type="presParOf" srcId="{70033992-C9A6-495F-A796-2E8879C20020}" destId="{96166B88-7387-40FB-91BF-2751CEAB62E2}" srcOrd="9" destOrd="0" presId="urn:microsoft.com/office/officeart/2005/8/layout/list1"/>
    <dgm:cxn modelId="{ACB5F445-2F4D-486D-98ED-7041B8B4900E}" type="presParOf" srcId="{70033992-C9A6-495F-A796-2E8879C20020}" destId="{5D3F5C7B-A4DB-4425-BB4F-C10FB773CD8C}" srcOrd="10" destOrd="0" presId="urn:microsoft.com/office/officeart/2005/8/layout/list1"/>
    <dgm:cxn modelId="{DFD44845-2BCF-4B7D-AB86-72B3DED026E0}" type="presParOf" srcId="{70033992-C9A6-495F-A796-2E8879C20020}" destId="{77D16697-8980-44C8-B0F4-D6A5062F3DDD}" srcOrd="11" destOrd="0" presId="urn:microsoft.com/office/officeart/2005/8/layout/list1"/>
    <dgm:cxn modelId="{2537BF0C-B74E-49E6-800C-3AB1C1DF85CB}" type="presParOf" srcId="{70033992-C9A6-495F-A796-2E8879C20020}" destId="{8FF729CB-A45A-47E4-B165-124DA66D5CAA}" srcOrd="12" destOrd="0" presId="urn:microsoft.com/office/officeart/2005/8/layout/list1"/>
    <dgm:cxn modelId="{3856758A-2094-426E-835C-B96C33D49440}" type="presParOf" srcId="{8FF729CB-A45A-47E4-B165-124DA66D5CAA}" destId="{45B0F7CD-FEEE-4C4F-90A1-03A2CE2D3CC9}" srcOrd="0" destOrd="0" presId="urn:microsoft.com/office/officeart/2005/8/layout/list1"/>
    <dgm:cxn modelId="{907FF785-9BA5-430E-98C3-011C4BC79FFC}" type="presParOf" srcId="{8FF729CB-A45A-47E4-B165-124DA66D5CAA}" destId="{CAACB2D2-EE65-4E49-BC7B-F4AEE505C9ED}" srcOrd="1" destOrd="0" presId="urn:microsoft.com/office/officeart/2005/8/layout/list1"/>
    <dgm:cxn modelId="{32D00C3F-CFBE-4EB8-995B-971B352D158B}" type="presParOf" srcId="{70033992-C9A6-495F-A796-2E8879C20020}" destId="{0F06B32C-870F-4038-B3E3-BCCC561B717F}" srcOrd="13" destOrd="0" presId="urn:microsoft.com/office/officeart/2005/8/layout/list1"/>
    <dgm:cxn modelId="{955F7A28-E089-406D-BEAB-0616E3765D9F}" type="presParOf" srcId="{70033992-C9A6-495F-A796-2E8879C20020}" destId="{11D3D167-396E-4410-BA8E-C1E22DA7AE42}" srcOrd="14" destOrd="0" presId="urn:microsoft.com/office/officeart/2005/8/layout/list1"/>
    <dgm:cxn modelId="{00418B59-8DD1-4BB4-8F15-E76EFE838A00}" type="presParOf" srcId="{70033992-C9A6-495F-A796-2E8879C20020}" destId="{34230536-4FF0-4A5F-9FC6-14590822AB5A}" srcOrd="15" destOrd="0" presId="urn:microsoft.com/office/officeart/2005/8/layout/list1"/>
    <dgm:cxn modelId="{43A343AD-BE11-4012-A36C-FCAC4E987E00}" type="presParOf" srcId="{70033992-C9A6-495F-A796-2E8879C20020}" destId="{94E99A29-58F3-4A73-8A38-78667043F973}" srcOrd="16" destOrd="0" presId="urn:microsoft.com/office/officeart/2005/8/layout/list1"/>
    <dgm:cxn modelId="{E7A691A9-EF53-41B0-B4A5-0EB880318385}" type="presParOf" srcId="{94E99A29-58F3-4A73-8A38-78667043F973}" destId="{80D05E26-7EFB-460A-9986-10541DE7EE5E}" srcOrd="0" destOrd="0" presId="urn:microsoft.com/office/officeart/2005/8/layout/list1"/>
    <dgm:cxn modelId="{10F6EBA1-E204-4935-9FC7-F964705828CD}" type="presParOf" srcId="{94E99A29-58F3-4A73-8A38-78667043F973}" destId="{9EA3BA43-0E51-4824-B35A-EDA624141323}" srcOrd="1" destOrd="0" presId="urn:microsoft.com/office/officeart/2005/8/layout/list1"/>
    <dgm:cxn modelId="{EE0200F7-D3AB-4B18-AE00-73FF5A5AC00E}" type="presParOf" srcId="{70033992-C9A6-495F-A796-2E8879C20020}" destId="{2054A2BF-36D6-4ECA-BD78-1DAF6E70F76B}" srcOrd="17" destOrd="0" presId="urn:microsoft.com/office/officeart/2005/8/layout/list1"/>
    <dgm:cxn modelId="{02F019D3-2DB1-4828-AA8F-0D853747F661}" type="presParOf" srcId="{70033992-C9A6-495F-A796-2E8879C20020}" destId="{FB181DD8-2187-4B4D-9EA2-7283D894F76C}" srcOrd="18" destOrd="0" presId="urn:microsoft.com/office/officeart/2005/8/layout/list1"/>
    <dgm:cxn modelId="{8C5C268E-0BE5-48CF-843D-454EEF2CE308}" type="presParOf" srcId="{70033992-C9A6-495F-A796-2E8879C20020}" destId="{AAE6B7B0-27F2-4A13-ACEA-01BB603BFA64}" srcOrd="19" destOrd="0" presId="urn:microsoft.com/office/officeart/2005/8/layout/list1"/>
    <dgm:cxn modelId="{32F0CA4A-B393-4C4B-B560-CAC8598E222D}" type="presParOf" srcId="{70033992-C9A6-495F-A796-2E8879C20020}" destId="{A6F43649-9D31-43DB-B10C-175869A6379E}" srcOrd="20" destOrd="0" presId="urn:microsoft.com/office/officeart/2005/8/layout/list1"/>
    <dgm:cxn modelId="{53398A95-06C5-49B3-AFAD-19D448B52171}" type="presParOf" srcId="{A6F43649-9D31-43DB-B10C-175869A6379E}" destId="{66924D64-41C6-45A2-8000-AB7126CF1425}" srcOrd="0" destOrd="0" presId="urn:microsoft.com/office/officeart/2005/8/layout/list1"/>
    <dgm:cxn modelId="{A7C76AB2-7474-4188-BF90-898BB5DCF371}" type="presParOf" srcId="{A6F43649-9D31-43DB-B10C-175869A6379E}" destId="{76E94E1D-73FD-4D47-9522-044383E86E60}" srcOrd="1" destOrd="0" presId="urn:microsoft.com/office/officeart/2005/8/layout/list1"/>
    <dgm:cxn modelId="{3FDB264E-C4B1-44D4-98A8-B517ABAB1B8A}" type="presParOf" srcId="{70033992-C9A6-495F-A796-2E8879C20020}" destId="{4528881A-4E36-4D2B-8184-51C0C2CB62BB}" srcOrd="21" destOrd="0" presId="urn:microsoft.com/office/officeart/2005/8/layout/list1"/>
    <dgm:cxn modelId="{B80AA5C7-5316-4F0C-8218-3507EB3B93FA}" type="presParOf" srcId="{70033992-C9A6-495F-A796-2E8879C20020}" destId="{055F1316-9C42-4AAD-BE5B-418619C75AC8}" srcOrd="22" destOrd="0" presId="urn:microsoft.com/office/officeart/2005/8/layout/list1"/>
    <dgm:cxn modelId="{6128BDD2-0D43-43A3-9D40-83191E31DD18}" type="presParOf" srcId="{70033992-C9A6-495F-A796-2E8879C20020}" destId="{E0CA178A-8A5D-4B2F-89B3-F64DB890D099}" srcOrd="23" destOrd="0" presId="urn:microsoft.com/office/officeart/2005/8/layout/list1"/>
    <dgm:cxn modelId="{10361ADB-F8BB-42DD-AC19-B57A559628DD}" type="presParOf" srcId="{70033992-C9A6-495F-A796-2E8879C20020}" destId="{88FFB0CB-E632-49E2-B012-23971C445EF4}" srcOrd="24" destOrd="0" presId="urn:microsoft.com/office/officeart/2005/8/layout/list1"/>
    <dgm:cxn modelId="{10D069BC-7815-409A-A3A6-4826ADD02041}" type="presParOf" srcId="{88FFB0CB-E632-49E2-B012-23971C445EF4}" destId="{37E464DD-8A06-4DAD-986A-52996E406D4A}" srcOrd="0" destOrd="0" presId="urn:microsoft.com/office/officeart/2005/8/layout/list1"/>
    <dgm:cxn modelId="{7361DD3F-1C9F-4623-977C-825E27D66288}" type="presParOf" srcId="{88FFB0CB-E632-49E2-B012-23971C445EF4}" destId="{16298060-84B0-4637-A7A7-7A876A777B2A}" srcOrd="1" destOrd="0" presId="urn:microsoft.com/office/officeart/2005/8/layout/list1"/>
    <dgm:cxn modelId="{546F98F1-2137-4E9E-B824-E492D4E4B50C}" type="presParOf" srcId="{70033992-C9A6-495F-A796-2E8879C20020}" destId="{11CF67A8-9C95-4ADF-B8F4-F027D8882231}" srcOrd="25" destOrd="0" presId="urn:microsoft.com/office/officeart/2005/8/layout/list1"/>
    <dgm:cxn modelId="{FD97A761-F03B-4A31-A4C4-C6A35E9D7493}" type="presParOf" srcId="{70033992-C9A6-495F-A796-2E8879C20020}" destId="{1AE15098-41D9-498B-9979-4CE01FF69312}" srcOrd="26" destOrd="0" presId="urn:microsoft.com/office/officeart/2005/8/layout/list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9.xml><?xml version="1.0" encoding="utf-8"?>
<dgm:dataModel xmlns:dgm="http://schemas.openxmlformats.org/drawingml/2006/diagram" xmlns:a="http://schemas.openxmlformats.org/drawingml/2006/main">
  <dgm:ptLst>
    <dgm:pt modelId="{6D89C94C-5EA6-4406-A163-2C46E90A14D9}" type="doc">
      <dgm:prSet loTypeId="urn:microsoft.com/office/officeart/2005/8/layout/hierarchy4" loCatId="list" qsTypeId="urn:microsoft.com/office/officeart/2005/8/quickstyle/3d3" qsCatId="3D" csTypeId="urn:microsoft.com/office/officeart/2005/8/colors/accent2_4" csCatId="accent2" phldr="1"/>
      <dgm:spPr/>
      <dgm:t>
        <a:bodyPr/>
        <a:lstStyle/>
        <a:p>
          <a:endParaRPr lang="en-GB"/>
        </a:p>
      </dgm:t>
    </dgm:pt>
    <dgm:pt modelId="{B809C48D-FEC4-48D5-9CD6-8195DBB28ECD}">
      <dgm:prSet/>
      <dgm:spPr/>
      <dgm:t>
        <a:bodyPr/>
        <a:lstStyle/>
        <a:p>
          <a:pPr rtl="0"/>
          <a:r>
            <a:rPr lang="en-GB" dirty="0" smtClean="0"/>
            <a:t>Wide uptake follows adoption into institutional policy. This forces formal timetabling.</a:t>
          </a:r>
          <a:endParaRPr lang="en-GB" dirty="0"/>
        </a:p>
      </dgm:t>
    </dgm:pt>
    <dgm:pt modelId="{AA611EDB-8E46-4190-9ABA-BEB420122CA4}" type="parTrans" cxnId="{B18D1108-A783-4C0B-AEA6-7FDAA94E86E3}">
      <dgm:prSet/>
      <dgm:spPr/>
      <dgm:t>
        <a:bodyPr/>
        <a:lstStyle/>
        <a:p>
          <a:endParaRPr lang="en-GB"/>
        </a:p>
      </dgm:t>
    </dgm:pt>
    <dgm:pt modelId="{85C88752-8E87-4526-AB79-011C7E540D25}" type="sibTrans" cxnId="{B18D1108-A783-4C0B-AEA6-7FDAA94E86E3}">
      <dgm:prSet/>
      <dgm:spPr/>
      <dgm:t>
        <a:bodyPr/>
        <a:lstStyle/>
        <a:p>
          <a:endParaRPr lang="en-GB"/>
        </a:p>
      </dgm:t>
    </dgm:pt>
    <dgm:pt modelId="{EA4118BF-66F6-4868-8362-6B433725D2DD}">
      <dgm:prSet/>
      <dgm:spPr/>
      <dgm:t>
        <a:bodyPr/>
        <a:lstStyle/>
        <a:p>
          <a:pPr rtl="0"/>
          <a:r>
            <a:rPr lang="en-GB" dirty="0" smtClean="0"/>
            <a:t>Module structure: </a:t>
          </a:r>
          <a:br>
            <a:rPr lang="en-GB" dirty="0" smtClean="0"/>
          </a:br>
          <a:r>
            <a:rPr lang="en-GB" dirty="0" smtClean="0"/>
            <a:t>- long thin </a:t>
          </a:r>
          <a:br>
            <a:rPr lang="en-GB" dirty="0" smtClean="0"/>
          </a:br>
          <a:r>
            <a:rPr lang="en-GB" dirty="0" smtClean="0"/>
            <a:t>- short fat?</a:t>
          </a:r>
          <a:endParaRPr lang="en-GB" dirty="0"/>
        </a:p>
      </dgm:t>
    </dgm:pt>
    <dgm:pt modelId="{93582330-514A-4104-A261-03D102715AA0}" type="parTrans" cxnId="{20D29BB1-B10A-4075-81A4-62F5801E5185}">
      <dgm:prSet/>
      <dgm:spPr/>
      <dgm:t>
        <a:bodyPr/>
        <a:lstStyle/>
        <a:p>
          <a:endParaRPr lang="en-GB"/>
        </a:p>
      </dgm:t>
    </dgm:pt>
    <dgm:pt modelId="{C9A7662B-FAEB-47D4-B8E8-FEA44D2088B0}" type="sibTrans" cxnId="{20D29BB1-B10A-4075-81A4-62F5801E5185}">
      <dgm:prSet/>
      <dgm:spPr/>
      <dgm:t>
        <a:bodyPr/>
        <a:lstStyle/>
        <a:p>
          <a:endParaRPr lang="en-GB"/>
        </a:p>
      </dgm:t>
    </dgm:pt>
    <dgm:pt modelId="{76A51557-4BC6-449E-A9BD-CBB5BA15B581}">
      <dgm:prSet/>
      <dgm:spPr/>
      <dgm:t>
        <a:bodyPr/>
        <a:lstStyle/>
        <a:p>
          <a:pPr rtl="0"/>
          <a:r>
            <a:rPr lang="en-GB" dirty="0" smtClean="0"/>
            <a:t>Online only, hybrid or face to face. Hybrid best (Williams)</a:t>
          </a:r>
          <a:endParaRPr lang="en-GB" dirty="0"/>
        </a:p>
      </dgm:t>
    </dgm:pt>
    <dgm:pt modelId="{53A83841-9633-4D6B-BD47-6E0D62CB2CDC}" type="parTrans" cxnId="{ADE3067D-CE4E-436F-9C72-5A919D92C7CF}">
      <dgm:prSet/>
      <dgm:spPr/>
      <dgm:t>
        <a:bodyPr/>
        <a:lstStyle/>
        <a:p>
          <a:endParaRPr lang="en-GB"/>
        </a:p>
      </dgm:t>
    </dgm:pt>
    <dgm:pt modelId="{B938C5EF-3046-4FFF-99B8-FDA14172D2BC}" type="sibTrans" cxnId="{ADE3067D-CE4E-436F-9C72-5A919D92C7CF}">
      <dgm:prSet/>
      <dgm:spPr/>
      <dgm:t>
        <a:bodyPr/>
        <a:lstStyle/>
        <a:p>
          <a:endParaRPr lang="en-GB"/>
        </a:p>
      </dgm:t>
    </dgm:pt>
    <dgm:pt modelId="{8A27542F-0980-4B28-B864-9D699FF55EF9}">
      <dgm:prSet/>
      <dgm:spPr/>
      <dgm:t>
        <a:bodyPr/>
        <a:lstStyle/>
        <a:p>
          <a:pPr rtl="0"/>
          <a:r>
            <a:rPr lang="en-GB" dirty="0" smtClean="0"/>
            <a:t>How to assess? </a:t>
          </a:r>
          <a:br>
            <a:rPr lang="en-GB" dirty="0" smtClean="0"/>
          </a:br>
          <a:r>
            <a:rPr lang="en-GB" dirty="0" smtClean="0"/>
            <a:t>- quizzes </a:t>
          </a:r>
          <a:br>
            <a:rPr lang="en-GB" dirty="0" smtClean="0"/>
          </a:br>
          <a:r>
            <a:rPr lang="en-GB" dirty="0" smtClean="0"/>
            <a:t>-automatic grading? </a:t>
          </a:r>
          <a:endParaRPr lang="en-GB" dirty="0"/>
        </a:p>
      </dgm:t>
    </dgm:pt>
    <dgm:pt modelId="{26B2177D-C62C-40A5-A19D-6C325C82E46C}" type="parTrans" cxnId="{D26FC362-ECF6-4976-B6C5-FED421B1F0F8}">
      <dgm:prSet/>
      <dgm:spPr/>
      <dgm:t>
        <a:bodyPr/>
        <a:lstStyle/>
        <a:p>
          <a:endParaRPr lang="en-GB"/>
        </a:p>
      </dgm:t>
    </dgm:pt>
    <dgm:pt modelId="{D39E2D1F-9D77-4C88-994A-0280C345B92D}" type="sibTrans" cxnId="{D26FC362-ECF6-4976-B6C5-FED421B1F0F8}">
      <dgm:prSet/>
      <dgm:spPr/>
      <dgm:t>
        <a:bodyPr/>
        <a:lstStyle/>
        <a:p>
          <a:endParaRPr lang="en-GB"/>
        </a:p>
      </dgm:t>
    </dgm:pt>
    <dgm:pt modelId="{D4B34712-85FE-4EF0-A209-9F3E1BB14259}">
      <dgm:prSet/>
      <dgm:spPr/>
      <dgm:t>
        <a:bodyPr/>
        <a:lstStyle/>
        <a:p>
          <a:pPr rtl="0"/>
          <a:r>
            <a:rPr lang="en-GB" dirty="0" smtClean="0"/>
            <a:t>What are you assessing?</a:t>
          </a:r>
          <a:br>
            <a:rPr lang="en-GB" dirty="0" smtClean="0"/>
          </a:br>
          <a:r>
            <a:rPr lang="en-GB" dirty="0" smtClean="0"/>
            <a:t>- IL skills </a:t>
          </a:r>
          <a:br>
            <a:rPr lang="en-GB" dirty="0" smtClean="0"/>
          </a:br>
          <a:r>
            <a:rPr lang="en-GB" dirty="0" smtClean="0"/>
            <a:t>- usability</a:t>
          </a:r>
          <a:endParaRPr lang="en-GB" dirty="0"/>
        </a:p>
      </dgm:t>
    </dgm:pt>
    <dgm:pt modelId="{C720D6D5-9341-4F3D-8E67-7183FC54801F}" type="parTrans" cxnId="{F10C9C8A-CD5B-453A-A633-104239E1D0D3}">
      <dgm:prSet/>
      <dgm:spPr/>
      <dgm:t>
        <a:bodyPr/>
        <a:lstStyle/>
        <a:p>
          <a:endParaRPr lang="en-GB"/>
        </a:p>
      </dgm:t>
    </dgm:pt>
    <dgm:pt modelId="{C15DF8A2-3108-4461-8F88-1EB691C6E676}" type="sibTrans" cxnId="{F10C9C8A-CD5B-453A-A633-104239E1D0D3}">
      <dgm:prSet/>
      <dgm:spPr/>
      <dgm:t>
        <a:bodyPr/>
        <a:lstStyle/>
        <a:p>
          <a:endParaRPr lang="en-GB"/>
        </a:p>
      </dgm:t>
    </dgm:pt>
    <dgm:pt modelId="{1F54F516-5F74-4953-8614-054D03409E6B}" type="pres">
      <dgm:prSet presAssocID="{6D89C94C-5EA6-4406-A163-2C46E90A14D9}" presName="Name0" presStyleCnt="0">
        <dgm:presLayoutVars>
          <dgm:chPref val="1"/>
          <dgm:dir/>
          <dgm:animOne val="branch"/>
          <dgm:animLvl val="lvl"/>
          <dgm:resizeHandles/>
        </dgm:presLayoutVars>
      </dgm:prSet>
      <dgm:spPr/>
      <dgm:t>
        <a:bodyPr/>
        <a:lstStyle/>
        <a:p>
          <a:endParaRPr lang="en-GB"/>
        </a:p>
      </dgm:t>
    </dgm:pt>
    <dgm:pt modelId="{95D0691C-E701-4BBC-A9F3-530CC1C1A692}" type="pres">
      <dgm:prSet presAssocID="{B809C48D-FEC4-48D5-9CD6-8195DBB28ECD}" presName="vertOne" presStyleCnt="0"/>
      <dgm:spPr/>
    </dgm:pt>
    <dgm:pt modelId="{953D1CC7-F0ED-4BFE-A7D4-BABF5110B4F5}" type="pres">
      <dgm:prSet presAssocID="{B809C48D-FEC4-48D5-9CD6-8195DBB28ECD}" presName="txOne" presStyleLbl="node0" presStyleIdx="0" presStyleCnt="1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7C0CC61C-2D6F-4BD1-A17B-430BD1ACEF06}" type="pres">
      <dgm:prSet presAssocID="{B809C48D-FEC4-48D5-9CD6-8195DBB28ECD}" presName="parTransOne" presStyleCnt="0"/>
      <dgm:spPr/>
    </dgm:pt>
    <dgm:pt modelId="{C3EC15A4-42FD-4696-8FB6-BF13E57D198E}" type="pres">
      <dgm:prSet presAssocID="{B809C48D-FEC4-48D5-9CD6-8195DBB28ECD}" presName="horzOne" presStyleCnt="0"/>
      <dgm:spPr/>
    </dgm:pt>
    <dgm:pt modelId="{B8FFABD5-825B-4C79-9F66-67688528C1AC}" type="pres">
      <dgm:prSet presAssocID="{EA4118BF-66F6-4868-8362-6B433725D2DD}" presName="vertTwo" presStyleCnt="0"/>
      <dgm:spPr/>
    </dgm:pt>
    <dgm:pt modelId="{D6A9438A-0C4A-4548-BC2C-54FFBE5E222D}" type="pres">
      <dgm:prSet presAssocID="{EA4118BF-66F6-4868-8362-6B433725D2DD}" presName="txTwo" presStyleLbl="node2" presStyleIdx="0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A1CA9FDB-245C-4942-9109-A2A0761A36D6}" type="pres">
      <dgm:prSet presAssocID="{EA4118BF-66F6-4868-8362-6B433725D2DD}" presName="horzTwo" presStyleCnt="0"/>
      <dgm:spPr/>
    </dgm:pt>
    <dgm:pt modelId="{C93A13A0-20AE-46DC-A0D6-5E8520B5A689}" type="pres">
      <dgm:prSet presAssocID="{C9A7662B-FAEB-47D4-B8E8-FEA44D2088B0}" presName="sibSpaceTwo" presStyleCnt="0"/>
      <dgm:spPr/>
    </dgm:pt>
    <dgm:pt modelId="{3A3A3C28-A1A9-448F-8CAD-53FF296F9926}" type="pres">
      <dgm:prSet presAssocID="{76A51557-4BC6-449E-A9BD-CBB5BA15B581}" presName="vertTwo" presStyleCnt="0"/>
      <dgm:spPr/>
    </dgm:pt>
    <dgm:pt modelId="{08225DFA-F3E0-4971-8A09-E73E8C6A3FCA}" type="pres">
      <dgm:prSet presAssocID="{76A51557-4BC6-449E-A9BD-CBB5BA15B581}" presName="txTwo" presStyleLbl="node2" presStyleIdx="1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026CFC4A-903F-46A4-B533-AF068D572D0E}" type="pres">
      <dgm:prSet presAssocID="{76A51557-4BC6-449E-A9BD-CBB5BA15B581}" presName="horzTwo" presStyleCnt="0"/>
      <dgm:spPr/>
    </dgm:pt>
    <dgm:pt modelId="{9221E83A-25A3-4D4D-89F6-76B6AF5485DA}" type="pres">
      <dgm:prSet presAssocID="{B938C5EF-3046-4FFF-99B8-FDA14172D2BC}" presName="sibSpaceTwo" presStyleCnt="0"/>
      <dgm:spPr/>
    </dgm:pt>
    <dgm:pt modelId="{D320A6E0-7AB3-42E7-852C-8C13857E6904}" type="pres">
      <dgm:prSet presAssocID="{8A27542F-0980-4B28-B864-9D699FF55EF9}" presName="vertTwo" presStyleCnt="0"/>
      <dgm:spPr/>
    </dgm:pt>
    <dgm:pt modelId="{8C4A6D9F-2B19-4B2D-BFE7-B02B478F0F96}" type="pres">
      <dgm:prSet presAssocID="{8A27542F-0980-4B28-B864-9D699FF55EF9}" presName="txTwo" presStyleLbl="node2" presStyleIdx="2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950496EF-E4FE-4123-9A47-650B53CA55A6}" type="pres">
      <dgm:prSet presAssocID="{8A27542F-0980-4B28-B864-9D699FF55EF9}" presName="horzTwo" presStyleCnt="0"/>
      <dgm:spPr/>
    </dgm:pt>
    <dgm:pt modelId="{C997601F-66FC-40E7-B198-EEDCBA803DE9}" type="pres">
      <dgm:prSet presAssocID="{D39E2D1F-9D77-4C88-994A-0280C345B92D}" presName="sibSpaceTwo" presStyleCnt="0"/>
      <dgm:spPr/>
    </dgm:pt>
    <dgm:pt modelId="{5996A0F2-0974-4D25-B0E7-068FE34C2C8B}" type="pres">
      <dgm:prSet presAssocID="{D4B34712-85FE-4EF0-A209-9F3E1BB14259}" presName="vertTwo" presStyleCnt="0"/>
      <dgm:spPr/>
    </dgm:pt>
    <dgm:pt modelId="{24DC60B5-5915-4782-BD57-4ACD5BECFFBD}" type="pres">
      <dgm:prSet presAssocID="{D4B34712-85FE-4EF0-A209-9F3E1BB14259}" presName="txTwo" presStyleLbl="node2" presStyleIdx="3" presStyleCnt="4">
        <dgm:presLayoutVars>
          <dgm:chPref val="3"/>
        </dgm:presLayoutVars>
      </dgm:prSet>
      <dgm:spPr/>
      <dgm:t>
        <a:bodyPr/>
        <a:lstStyle/>
        <a:p>
          <a:endParaRPr lang="en-GB"/>
        </a:p>
      </dgm:t>
    </dgm:pt>
    <dgm:pt modelId="{B3C924AA-EE5F-41CB-877A-16CBCE3106A7}" type="pres">
      <dgm:prSet presAssocID="{D4B34712-85FE-4EF0-A209-9F3E1BB14259}" presName="horzTwo" presStyleCnt="0"/>
      <dgm:spPr/>
    </dgm:pt>
  </dgm:ptLst>
  <dgm:cxnLst>
    <dgm:cxn modelId="{B18D1108-A783-4C0B-AEA6-7FDAA94E86E3}" srcId="{6D89C94C-5EA6-4406-A163-2C46E90A14D9}" destId="{B809C48D-FEC4-48D5-9CD6-8195DBB28ECD}" srcOrd="0" destOrd="0" parTransId="{AA611EDB-8E46-4190-9ABA-BEB420122CA4}" sibTransId="{85C88752-8E87-4526-AB79-011C7E540D25}"/>
    <dgm:cxn modelId="{8A87B743-2C48-476E-8027-622767C5AD13}" type="presOf" srcId="{76A51557-4BC6-449E-A9BD-CBB5BA15B581}" destId="{08225DFA-F3E0-4971-8A09-E73E8C6A3FCA}" srcOrd="0" destOrd="0" presId="urn:microsoft.com/office/officeart/2005/8/layout/hierarchy4"/>
    <dgm:cxn modelId="{93BFC9BF-AEE7-4EC5-8B45-CE1ED2CDDBB2}" type="presOf" srcId="{EA4118BF-66F6-4868-8362-6B433725D2DD}" destId="{D6A9438A-0C4A-4548-BC2C-54FFBE5E222D}" srcOrd="0" destOrd="0" presId="urn:microsoft.com/office/officeart/2005/8/layout/hierarchy4"/>
    <dgm:cxn modelId="{07723FB0-D87C-4545-82E2-6BE0C82A6D3C}" type="presOf" srcId="{8A27542F-0980-4B28-B864-9D699FF55EF9}" destId="{8C4A6D9F-2B19-4B2D-BFE7-B02B478F0F96}" srcOrd="0" destOrd="0" presId="urn:microsoft.com/office/officeart/2005/8/layout/hierarchy4"/>
    <dgm:cxn modelId="{F10C9C8A-CD5B-453A-A633-104239E1D0D3}" srcId="{B809C48D-FEC4-48D5-9CD6-8195DBB28ECD}" destId="{D4B34712-85FE-4EF0-A209-9F3E1BB14259}" srcOrd="3" destOrd="0" parTransId="{C720D6D5-9341-4F3D-8E67-7183FC54801F}" sibTransId="{C15DF8A2-3108-4461-8F88-1EB691C6E676}"/>
    <dgm:cxn modelId="{5FBB9A5B-6A73-421B-BCB7-6E4F0ADC0191}" type="presOf" srcId="{B809C48D-FEC4-48D5-9CD6-8195DBB28ECD}" destId="{953D1CC7-F0ED-4BFE-A7D4-BABF5110B4F5}" srcOrd="0" destOrd="0" presId="urn:microsoft.com/office/officeart/2005/8/layout/hierarchy4"/>
    <dgm:cxn modelId="{ADE3067D-CE4E-436F-9C72-5A919D92C7CF}" srcId="{B809C48D-FEC4-48D5-9CD6-8195DBB28ECD}" destId="{76A51557-4BC6-449E-A9BD-CBB5BA15B581}" srcOrd="1" destOrd="0" parTransId="{53A83841-9633-4D6B-BD47-6E0D62CB2CDC}" sibTransId="{B938C5EF-3046-4FFF-99B8-FDA14172D2BC}"/>
    <dgm:cxn modelId="{20D29BB1-B10A-4075-81A4-62F5801E5185}" srcId="{B809C48D-FEC4-48D5-9CD6-8195DBB28ECD}" destId="{EA4118BF-66F6-4868-8362-6B433725D2DD}" srcOrd="0" destOrd="0" parTransId="{93582330-514A-4104-A261-03D102715AA0}" sibTransId="{C9A7662B-FAEB-47D4-B8E8-FEA44D2088B0}"/>
    <dgm:cxn modelId="{D26FC362-ECF6-4976-B6C5-FED421B1F0F8}" srcId="{B809C48D-FEC4-48D5-9CD6-8195DBB28ECD}" destId="{8A27542F-0980-4B28-B864-9D699FF55EF9}" srcOrd="2" destOrd="0" parTransId="{26B2177D-C62C-40A5-A19D-6C325C82E46C}" sibTransId="{D39E2D1F-9D77-4C88-994A-0280C345B92D}"/>
    <dgm:cxn modelId="{D0C0E7C4-AF41-43B6-9720-444D7E54333C}" type="presOf" srcId="{D4B34712-85FE-4EF0-A209-9F3E1BB14259}" destId="{24DC60B5-5915-4782-BD57-4ACD5BECFFBD}" srcOrd="0" destOrd="0" presId="urn:microsoft.com/office/officeart/2005/8/layout/hierarchy4"/>
    <dgm:cxn modelId="{A00068E8-EFE1-4F0D-BE32-3546E0CC37F6}" type="presOf" srcId="{6D89C94C-5EA6-4406-A163-2C46E90A14D9}" destId="{1F54F516-5F74-4953-8614-054D03409E6B}" srcOrd="0" destOrd="0" presId="urn:microsoft.com/office/officeart/2005/8/layout/hierarchy4"/>
    <dgm:cxn modelId="{DD811412-D672-42C7-A39F-3C852913FD29}" type="presParOf" srcId="{1F54F516-5F74-4953-8614-054D03409E6B}" destId="{95D0691C-E701-4BBC-A9F3-530CC1C1A692}" srcOrd="0" destOrd="0" presId="urn:microsoft.com/office/officeart/2005/8/layout/hierarchy4"/>
    <dgm:cxn modelId="{EF894C5E-FBB0-4795-BEF8-E907B7A4C994}" type="presParOf" srcId="{95D0691C-E701-4BBC-A9F3-530CC1C1A692}" destId="{953D1CC7-F0ED-4BFE-A7D4-BABF5110B4F5}" srcOrd="0" destOrd="0" presId="urn:microsoft.com/office/officeart/2005/8/layout/hierarchy4"/>
    <dgm:cxn modelId="{B63DD4B9-1124-4361-B540-0C7002A29E09}" type="presParOf" srcId="{95D0691C-E701-4BBC-A9F3-530CC1C1A692}" destId="{7C0CC61C-2D6F-4BD1-A17B-430BD1ACEF06}" srcOrd="1" destOrd="0" presId="urn:microsoft.com/office/officeart/2005/8/layout/hierarchy4"/>
    <dgm:cxn modelId="{12F6E54B-A874-4550-B631-6BE7602BBE33}" type="presParOf" srcId="{95D0691C-E701-4BBC-A9F3-530CC1C1A692}" destId="{C3EC15A4-42FD-4696-8FB6-BF13E57D198E}" srcOrd="2" destOrd="0" presId="urn:microsoft.com/office/officeart/2005/8/layout/hierarchy4"/>
    <dgm:cxn modelId="{603AA3BD-E027-4418-8D49-595EEFCE65D6}" type="presParOf" srcId="{C3EC15A4-42FD-4696-8FB6-BF13E57D198E}" destId="{B8FFABD5-825B-4C79-9F66-67688528C1AC}" srcOrd="0" destOrd="0" presId="urn:microsoft.com/office/officeart/2005/8/layout/hierarchy4"/>
    <dgm:cxn modelId="{098321B6-88C0-4B20-A7BF-D8E304987C71}" type="presParOf" srcId="{B8FFABD5-825B-4C79-9F66-67688528C1AC}" destId="{D6A9438A-0C4A-4548-BC2C-54FFBE5E222D}" srcOrd="0" destOrd="0" presId="urn:microsoft.com/office/officeart/2005/8/layout/hierarchy4"/>
    <dgm:cxn modelId="{D2F39BF4-07BB-4B9D-95D9-5CCABF0C9577}" type="presParOf" srcId="{B8FFABD5-825B-4C79-9F66-67688528C1AC}" destId="{A1CA9FDB-245C-4942-9109-A2A0761A36D6}" srcOrd="1" destOrd="0" presId="urn:microsoft.com/office/officeart/2005/8/layout/hierarchy4"/>
    <dgm:cxn modelId="{91C0DA87-18B9-48DB-828C-7E8DDD220832}" type="presParOf" srcId="{C3EC15A4-42FD-4696-8FB6-BF13E57D198E}" destId="{C93A13A0-20AE-46DC-A0D6-5E8520B5A689}" srcOrd="1" destOrd="0" presId="urn:microsoft.com/office/officeart/2005/8/layout/hierarchy4"/>
    <dgm:cxn modelId="{2760EAF0-AAB6-4CC8-9634-1232F38F268E}" type="presParOf" srcId="{C3EC15A4-42FD-4696-8FB6-BF13E57D198E}" destId="{3A3A3C28-A1A9-448F-8CAD-53FF296F9926}" srcOrd="2" destOrd="0" presId="urn:microsoft.com/office/officeart/2005/8/layout/hierarchy4"/>
    <dgm:cxn modelId="{92D62587-548F-4F8A-88E9-5382D9EE8424}" type="presParOf" srcId="{3A3A3C28-A1A9-448F-8CAD-53FF296F9926}" destId="{08225DFA-F3E0-4971-8A09-E73E8C6A3FCA}" srcOrd="0" destOrd="0" presId="urn:microsoft.com/office/officeart/2005/8/layout/hierarchy4"/>
    <dgm:cxn modelId="{FAC5AE1B-42F9-4977-9EAF-73E64EFC06D1}" type="presParOf" srcId="{3A3A3C28-A1A9-448F-8CAD-53FF296F9926}" destId="{026CFC4A-903F-46A4-B533-AF068D572D0E}" srcOrd="1" destOrd="0" presId="urn:microsoft.com/office/officeart/2005/8/layout/hierarchy4"/>
    <dgm:cxn modelId="{D2358953-E60B-4208-AF7E-C43D6995C884}" type="presParOf" srcId="{C3EC15A4-42FD-4696-8FB6-BF13E57D198E}" destId="{9221E83A-25A3-4D4D-89F6-76B6AF5485DA}" srcOrd="3" destOrd="0" presId="urn:microsoft.com/office/officeart/2005/8/layout/hierarchy4"/>
    <dgm:cxn modelId="{3505EA89-661C-4A3B-A2C4-0D08026E5936}" type="presParOf" srcId="{C3EC15A4-42FD-4696-8FB6-BF13E57D198E}" destId="{D320A6E0-7AB3-42E7-852C-8C13857E6904}" srcOrd="4" destOrd="0" presId="urn:microsoft.com/office/officeart/2005/8/layout/hierarchy4"/>
    <dgm:cxn modelId="{6FEA74DE-D37E-49B3-B1F6-115634DDC4D2}" type="presParOf" srcId="{D320A6E0-7AB3-42E7-852C-8C13857E6904}" destId="{8C4A6D9F-2B19-4B2D-BFE7-B02B478F0F96}" srcOrd="0" destOrd="0" presId="urn:microsoft.com/office/officeart/2005/8/layout/hierarchy4"/>
    <dgm:cxn modelId="{5824A395-4D91-4550-A25D-58B2E40D84B8}" type="presParOf" srcId="{D320A6E0-7AB3-42E7-852C-8C13857E6904}" destId="{950496EF-E4FE-4123-9A47-650B53CA55A6}" srcOrd="1" destOrd="0" presId="urn:microsoft.com/office/officeart/2005/8/layout/hierarchy4"/>
    <dgm:cxn modelId="{D59F43DC-8759-4A59-9014-82CB7BB34FF5}" type="presParOf" srcId="{C3EC15A4-42FD-4696-8FB6-BF13E57D198E}" destId="{C997601F-66FC-40E7-B198-EEDCBA803DE9}" srcOrd="5" destOrd="0" presId="urn:microsoft.com/office/officeart/2005/8/layout/hierarchy4"/>
    <dgm:cxn modelId="{0E29339C-163B-4605-AD72-D554A7BE4745}" type="presParOf" srcId="{C3EC15A4-42FD-4696-8FB6-BF13E57D198E}" destId="{5996A0F2-0974-4D25-B0E7-068FE34C2C8B}" srcOrd="6" destOrd="0" presId="urn:microsoft.com/office/officeart/2005/8/layout/hierarchy4"/>
    <dgm:cxn modelId="{9DFE26F3-AC8B-4A11-BE04-EE6ADA804604}" type="presParOf" srcId="{5996A0F2-0974-4D25-B0E7-068FE34C2C8B}" destId="{24DC60B5-5915-4782-BD57-4ACD5BECFFBD}" srcOrd="0" destOrd="0" presId="urn:microsoft.com/office/officeart/2005/8/layout/hierarchy4"/>
    <dgm:cxn modelId="{F675131D-9DF8-44EC-BB45-98D1B2677EA3}" type="presParOf" srcId="{5996A0F2-0974-4D25-B0E7-068FE34C2C8B}" destId="{B3C924AA-EE5F-41CB-877A-16CBCE3106A7}" srcOrd="1" destOrd="0" presId="urn:microsoft.com/office/officeart/2005/8/layout/hierarchy4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9D85A43-4A3B-4CA6-8A67-BE16ACA51E29}">
      <dsp:nvSpPr>
        <dsp:cNvPr id="0" name=""/>
        <dsp:cNvSpPr/>
      </dsp:nvSpPr>
      <dsp:spPr>
        <a:xfrm>
          <a:off x="4121939" y="3041749"/>
          <a:ext cx="3717694" cy="3717694"/>
        </a:xfrm>
        <a:prstGeom prst="gear9">
          <a:avLst/>
        </a:prstGeom>
        <a:solidFill>
          <a:srgbClr val="009681"/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prstMaterial="plastic">
          <a:bevelT w="50800" h="50800"/>
          <a:bevelB w="50800" h="508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24130" tIns="24130" rIns="24130" bIns="24130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900" kern="1200" dirty="0" smtClean="0"/>
            <a:t>The interpretation is based on my own experience with SMILE, SMIRK and PILOT </a:t>
          </a:r>
          <a:endParaRPr lang="en-GB" sz="1900" kern="1200" dirty="0"/>
        </a:p>
      </dsp:txBody>
      <dsp:txXfrm>
        <a:off x="4869361" y="3912601"/>
        <a:ext cx="2222850" cy="1910972"/>
      </dsp:txXfrm>
    </dsp:sp>
    <dsp:sp modelId="{B77F3359-3135-447F-B651-6333ACDEA58B}">
      <dsp:nvSpPr>
        <dsp:cNvPr id="0" name=""/>
        <dsp:cNvSpPr/>
      </dsp:nvSpPr>
      <dsp:spPr>
        <a:xfrm>
          <a:off x="2141682" y="2168835"/>
          <a:ext cx="2703777" cy="2703777"/>
        </a:xfrm>
        <a:prstGeom prst="gear6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prstMaterial="plastic">
          <a:bevelT w="50800" h="50800"/>
          <a:bevelB w="50800" h="508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24130" tIns="24130" rIns="24130" bIns="24130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900" kern="1200" dirty="0" smtClean="0"/>
            <a:t>The issues identified are the results of a lit review</a:t>
          </a:r>
          <a:endParaRPr lang="en-GB" sz="1900" kern="1200" dirty="0"/>
        </a:p>
      </dsp:txBody>
      <dsp:txXfrm>
        <a:off x="2822366" y="2853633"/>
        <a:ext cx="1342409" cy="1334181"/>
      </dsp:txXfrm>
    </dsp:sp>
    <dsp:sp modelId="{31D447AD-C80D-4294-A457-DD8B171B3A60}">
      <dsp:nvSpPr>
        <dsp:cNvPr id="0" name=""/>
        <dsp:cNvSpPr/>
      </dsp:nvSpPr>
      <dsp:spPr>
        <a:xfrm rot="20700000">
          <a:off x="3519500" y="297691"/>
          <a:ext cx="2649150" cy="2649150"/>
        </a:xfrm>
        <a:prstGeom prst="gear6">
          <a:avLst/>
        </a:prstGeom>
        <a:solidFill>
          <a:srgbClr val="C6003D"/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prstMaterial="plastic">
          <a:bevelT w="50800" h="50800"/>
          <a:bevelB w="50800" h="508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35560" tIns="35560" rIns="35560" bIns="35560" numCol="1" spcCol="1270" anchor="ctr" anchorCtr="0">
          <a:noAutofit/>
        </a:bodyPr>
        <a:lstStyle/>
        <a:p>
          <a:pPr lvl="0" algn="ctr" defTabSz="12446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800" kern="1200" dirty="0" smtClean="0"/>
            <a:t>Warning!</a:t>
          </a:r>
          <a:endParaRPr lang="en-GB" sz="2800" kern="1200" dirty="0"/>
        </a:p>
      </dsp:txBody>
      <dsp:txXfrm rot="-20700000">
        <a:off x="4100536" y="878727"/>
        <a:ext cx="1487077" cy="1487077"/>
      </dsp:txXfrm>
    </dsp:sp>
    <dsp:sp modelId="{74EC1DCC-285B-4D33-B381-AF697C7FC586}">
      <dsp:nvSpPr>
        <dsp:cNvPr id="0" name=""/>
        <dsp:cNvSpPr/>
      </dsp:nvSpPr>
      <dsp:spPr>
        <a:xfrm>
          <a:off x="3977215" y="2464077"/>
          <a:ext cx="4758648" cy="4758648"/>
        </a:xfrm>
        <a:prstGeom prst="circularArrow">
          <a:avLst>
            <a:gd name="adj1" fmla="val 4687"/>
            <a:gd name="adj2" fmla="val 299029"/>
            <a:gd name="adj3" fmla="val 2555763"/>
            <a:gd name="adj4" fmla="val 15778469"/>
            <a:gd name="adj5" fmla="val 5469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tint val="60000"/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z="-25400" prstMaterial="plastic">
          <a:bevelT w="25400" h="25400"/>
          <a:bevelB w="25400" h="25400"/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  <dsp:sp modelId="{F4F7728A-2B0B-4711-9722-16B989DEF782}">
      <dsp:nvSpPr>
        <dsp:cNvPr id="0" name=""/>
        <dsp:cNvSpPr/>
      </dsp:nvSpPr>
      <dsp:spPr>
        <a:xfrm>
          <a:off x="1592171" y="1553769"/>
          <a:ext cx="3457455" cy="3457455"/>
        </a:xfrm>
        <a:prstGeom prst="leftCircularArrow">
          <a:avLst>
            <a:gd name="adj1" fmla="val 6452"/>
            <a:gd name="adj2" fmla="val 429999"/>
            <a:gd name="adj3" fmla="val 10489124"/>
            <a:gd name="adj4" fmla="val 14837806"/>
            <a:gd name="adj5" fmla="val 7527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tint val="60000"/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z="-25400" prstMaterial="plastic">
          <a:bevelT w="25400" h="25400"/>
          <a:bevelB w="25400" h="25400"/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  <dsp:sp modelId="{B61AD506-15D1-403F-B44C-788A33C3E5ED}">
      <dsp:nvSpPr>
        <dsp:cNvPr id="0" name=""/>
        <dsp:cNvSpPr/>
      </dsp:nvSpPr>
      <dsp:spPr>
        <a:xfrm>
          <a:off x="2972621" y="-293580"/>
          <a:ext cx="3727833" cy="3727833"/>
        </a:xfrm>
        <a:prstGeom prst="circularArrow">
          <a:avLst>
            <a:gd name="adj1" fmla="val 5984"/>
            <a:gd name="adj2" fmla="val 394124"/>
            <a:gd name="adj3" fmla="val 13313824"/>
            <a:gd name="adj4" fmla="val 10508221"/>
            <a:gd name="adj5" fmla="val 6981"/>
          </a:avLst>
        </a:prstGeom>
        <a:solidFill>
          <a:schemeClr val="accent1">
            <a:tint val="6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tint val="60000"/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p3d z="-25400" prstMaterial="plastic">
          <a:bevelT w="25400" h="25400"/>
          <a:bevelB w="25400" h="25400"/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</dsp:spTree>
</dsp:drawing>
</file>

<file path=ppt/diagrams/drawing10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FA565DBF-CA82-4C98-88B8-4709DD35B373}">
      <dsp:nvSpPr>
        <dsp:cNvPr id="0" name=""/>
        <dsp:cNvSpPr/>
      </dsp:nvSpPr>
      <dsp:spPr>
        <a:xfrm>
          <a:off x="1944279" y="168711"/>
          <a:ext cx="2069803" cy="1149890"/>
        </a:xfrm>
        <a:prstGeom prst="roundRect">
          <a:avLst>
            <a:gd name="adj" fmla="val 10000"/>
          </a:avLst>
        </a:prstGeom>
        <a:solidFill>
          <a:schemeClr val="accent2">
            <a:alpha val="90000"/>
            <a:tint val="55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alpha val="90000"/>
              <a:tint val="55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87630" tIns="87630" rIns="87630" bIns="87630" numCol="1" spcCol="1270" anchor="ctr" anchorCtr="0">
          <a:noAutofit/>
        </a:bodyPr>
        <a:lstStyle/>
        <a:p>
          <a:pPr lvl="0" algn="ctr" defTabSz="10223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300" kern="1200" dirty="0" smtClean="0"/>
            <a:t>No easy answers!</a:t>
          </a:r>
          <a:endParaRPr lang="en-GB" sz="2300" kern="1200" dirty="0"/>
        </a:p>
      </dsp:txBody>
      <dsp:txXfrm>
        <a:off x="1977958" y="202390"/>
        <a:ext cx="2002445" cy="1082532"/>
      </dsp:txXfrm>
    </dsp:sp>
    <dsp:sp modelId="{D00077E4-31A6-4E0B-8C43-EB395BAC19ED}">
      <dsp:nvSpPr>
        <dsp:cNvPr id="0" name=""/>
        <dsp:cNvSpPr/>
      </dsp:nvSpPr>
      <dsp:spPr>
        <a:xfrm>
          <a:off x="4824669" y="168711"/>
          <a:ext cx="2069803" cy="1149890"/>
        </a:xfrm>
        <a:prstGeom prst="roundRect">
          <a:avLst>
            <a:gd name="adj" fmla="val 10000"/>
          </a:avLst>
        </a:prstGeom>
        <a:solidFill>
          <a:schemeClr val="accent2">
            <a:alpha val="90000"/>
            <a:tint val="55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alpha val="90000"/>
              <a:tint val="55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87630" tIns="87630" rIns="87630" bIns="87630" numCol="1" spcCol="1270" anchor="ctr" anchorCtr="0">
          <a:noAutofit/>
        </a:bodyPr>
        <a:lstStyle/>
        <a:p>
          <a:pPr lvl="0" algn="ctr" defTabSz="10223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300" kern="1200" dirty="0" smtClean="0"/>
            <a:t>Speed of developments</a:t>
          </a:r>
          <a:endParaRPr lang="en-GB" sz="2300" kern="1200" dirty="0"/>
        </a:p>
      </dsp:txBody>
      <dsp:txXfrm>
        <a:off x="4858348" y="202390"/>
        <a:ext cx="2002445" cy="1082532"/>
      </dsp:txXfrm>
    </dsp:sp>
    <dsp:sp modelId="{B89B190F-7E71-4FF6-B07A-2DF12ABD2B45}">
      <dsp:nvSpPr>
        <dsp:cNvPr id="0" name=""/>
        <dsp:cNvSpPr/>
      </dsp:nvSpPr>
      <dsp:spPr>
        <a:xfrm>
          <a:off x="3934372" y="4887035"/>
          <a:ext cx="862418" cy="862418"/>
        </a:xfrm>
        <a:prstGeom prst="triangle">
          <a:avLst/>
        </a:prstGeom>
        <a:solidFill>
          <a:schemeClr val="accent2">
            <a:alpha val="90000"/>
            <a:tint val="55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alpha val="90000"/>
              <a:tint val="55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2187CAC3-F1C8-4282-80E7-927355252747}">
      <dsp:nvSpPr>
        <dsp:cNvPr id="0" name=""/>
        <dsp:cNvSpPr/>
      </dsp:nvSpPr>
      <dsp:spPr>
        <a:xfrm rot="240000">
          <a:off x="1777537" y="4517480"/>
          <a:ext cx="5176088" cy="361947"/>
        </a:xfrm>
        <a:prstGeom prst="rect">
          <a:avLst/>
        </a:prstGeom>
        <a:solidFill>
          <a:schemeClr val="accent2">
            <a:alpha val="90000"/>
            <a:tint val="55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alpha val="90000"/>
              <a:tint val="55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C8BCF31E-824E-4349-BF58-5634ACF0F811}">
      <dsp:nvSpPr>
        <dsp:cNvPr id="0" name=""/>
        <dsp:cNvSpPr/>
      </dsp:nvSpPr>
      <dsp:spPr>
        <a:xfrm rot="240000">
          <a:off x="4885329" y="3612522"/>
          <a:ext cx="2065210" cy="962177"/>
        </a:xfrm>
        <a:prstGeom prst="roundRect">
          <a:avLst/>
        </a:prstGeom>
        <a:solidFill>
          <a:schemeClr val="accent2">
            <a:shade val="5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400" kern="1200" dirty="0" smtClean="0"/>
            <a:t>Fashion</a:t>
          </a:r>
          <a:endParaRPr lang="en-GB" sz="2400" kern="1200" dirty="0"/>
        </a:p>
      </dsp:txBody>
      <dsp:txXfrm>
        <a:off x="4932299" y="3659492"/>
        <a:ext cx="1971270" cy="868237"/>
      </dsp:txXfrm>
    </dsp:sp>
    <dsp:sp modelId="{86EA89B8-AC15-4D87-BCFF-9F765D477194}">
      <dsp:nvSpPr>
        <dsp:cNvPr id="0" name=""/>
        <dsp:cNvSpPr/>
      </dsp:nvSpPr>
      <dsp:spPr>
        <a:xfrm rot="240000">
          <a:off x="4960072" y="2577620"/>
          <a:ext cx="2065210" cy="962177"/>
        </a:xfrm>
        <a:prstGeom prst="roundRect">
          <a:avLst/>
        </a:prstGeom>
        <a:solidFill>
          <a:schemeClr val="accent2">
            <a:shade val="50000"/>
            <a:hueOff val="325339"/>
            <a:satOff val="-25697"/>
            <a:lumOff val="2274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400" kern="1200" dirty="0" smtClean="0"/>
            <a:t>How open is your OER?</a:t>
          </a:r>
          <a:endParaRPr lang="en-GB" sz="2400" kern="1200" dirty="0"/>
        </a:p>
      </dsp:txBody>
      <dsp:txXfrm>
        <a:off x="5007042" y="2624590"/>
        <a:ext cx="1971270" cy="868237"/>
      </dsp:txXfrm>
    </dsp:sp>
    <dsp:sp modelId="{827EA803-D04C-4A1B-86A0-0884678A1DBF}">
      <dsp:nvSpPr>
        <dsp:cNvPr id="0" name=""/>
        <dsp:cNvSpPr/>
      </dsp:nvSpPr>
      <dsp:spPr>
        <a:xfrm rot="240000">
          <a:off x="5034815" y="1565717"/>
          <a:ext cx="2065210" cy="962177"/>
        </a:xfrm>
        <a:prstGeom prst="roundRect">
          <a:avLst/>
        </a:prstGeom>
        <a:solidFill>
          <a:schemeClr val="accent2">
            <a:shade val="50000"/>
            <a:hueOff val="650678"/>
            <a:satOff val="-51394"/>
            <a:lumOff val="45481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400" kern="1200" dirty="0" smtClean="0"/>
            <a:t>Presentation systems?</a:t>
          </a:r>
          <a:endParaRPr lang="en-GB" sz="2400" kern="1200" dirty="0"/>
        </a:p>
      </dsp:txBody>
      <dsp:txXfrm>
        <a:off x="5081785" y="1612687"/>
        <a:ext cx="1971270" cy="868237"/>
      </dsp:txXfrm>
    </dsp:sp>
    <dsp:sp modelId="{9AC43730-3AAB-4A78-A27F-249830460E52}">
      <dsp:nvSpPr>
        <dsp:cNvPr id="0" name=""/>
        <dsp:cNvSpPr/>
      </dsp:nvSpPr>
      <dsp:spPr>
        <a:xfrm rot="240000">
          <a:off x="1924360" y="3405542"/>
          <a:ext cx="2065210" cy="962177"/>
        </a:xfrm>
        <a:prstGeom prst="roundRect">
          <a:avLst/>
        </a:prstGeom>
        <a:solidFill>
          <a:schemeClr val="accent2">
            <a:shade val="50000"/>
            <a:hueOff val="650678"/>
            <a:satOff val="-51394"/>
            <a:lumOff val="45481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400" kern="1200" dirty="0" smtClean="0"/>
            <a:t>Copyright?</a:t>
          </a:r>
          <a:endParaRPr lang="en-GB" sz="2400" kern="1200" dirty="0"/>
        </a:p>
      </dsp:txBody>
      <dsp:txXfrm>
        <a:off x="1971330" y="3452512"/>
        <a:ext cx="1971270" cy="868237"/>
      </dsp:txXfrm>
    </dsp:sp>
    <dsp:sp modelId="{D5834EC2-FEE1-45EC-9948-3D141635CA5C}">
      <dsp:nvSpPr>
        <dsp:cNvPr id="0" name=""/>
        <dsp:cNvSpPr/>
      </dsp:nvSpPr>
      <dsp:spPr>
        <a:xfrm rot="240000">
          <a:off x="1999103" y="2370640"/>
          <a:ext cx="2065210" cy="962177"/>
        </a:xfrm>
        <a:prstGeom prst="roundRect">
          <a:avLst/>
        </a:prstGeom>
        <a:solidFill>
          <a:schemeClr val="accent2">
            <a:shade val="50000"/>
            <a:hueOff val="325339"/>
            <a:satOff val="-25697"/>
            <a:lumOff val="2274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400" kern="1200" dirty="0" smtClean="0"/>
            <a:t>Licensing issues?</a:t>
          </a:r>
          <a:endParaRPr lang="en-GB" sz="2400" kern="1200" dirty="0"/>
        </a:p>
      </dsp:txBody>
      <dsp:txXfrm>
        <a:off x="2046073" y="2417610"/>
        <a:ext cx="1971270" cy="868237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54841AF5-A26E-4860-940E-F948E948BE39}">
      <dsp:nvSpPr>
        <dsp:cNvPr id="0" name=""/>
        <dsp:cNvSpPr/>
      </dsp:nvSpPr>
      <dsp:spPr>
        <a:xfrm>
          <a:off x="897677" y="0"/>
          <a:ext cx="4770460" cy="4770460"/>
        </a:xfrm>
        <a:prstGeom prst="triangle">
          <a:avLst/>
        </a:prstGeom>
        <a:gradFill rotWithShape="0">
          <a:gsLst>
            <a:gs pos="0">
              <a:schemeClr val="accent2">
                <a:hueOff val="0"/>
                <a:satOff val="0"/>
                <a:lumOff val="0"/>
                <a:alphaOff val="0"/>
                <a:tint val="100000"/>
                <a:shade val="100000"/>
                <a:satMod val="130000"/>
              </a:schemeClr>
            </a:gs>
            <a:gs pos="100000">
              <a:schemeClr val="accent2">
                <a:hueOff val="0"/>
                <a:satOff val="0"/>
                <a:lumOff val="0"/>
                <a:alphaOff val="0"/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/>
          <a:lightRig rig="threePt" dir="t">
            <a:rot lat="0" lon="0" rev="7500000"/>
          </a:lightRig>
        </a:scene3d>
        <a:sp3d prstMaterial="plastic">
          <a:bevelT w="127000" h="25400" prst="relaxedInset"/>
        </a:sp3d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  <dsp:sp modelId="{4897C8C2-4B06-4F2A-BCF7-590B1ABA9209}">
      <dsp:nvSpPr>
        <dsp:cNvPr id="0" name=""/>
        <dsp:cNvSpPr/>
      </dsp:nvSpPr>
      <dsp:spPr>
        <a:xfrm>
          <a:off x="2284031" y="477511"/>
          <a:ext cx="5098550" cy="423937"/>
        </a:xfrm>
        <a:prstGeom prst="round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/>
          <a:lightRig rig="threePt" dir="t">
            <a:rot lat="0" lon="0" rev="7500000"/>
          </a:lightRig>
        </a:scene3d>
        <a:sp3d z="152400" extrusionH="63500" prstMaterial="dkEdge">
          <a:bevelT w="135400" h="16350" prst="relaxedInset"/>
          <a:contourClr>
            <a:schemeClr val="bg1"/>
          </a:contourClr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  <dsp:txBody>
        <a:bodyPr spcFirstLastPara="0" vert="horz" wrap="square" lIns="76200" tIns="76200" rIns="76200" bIns="76200" numCol="1" spcCol="1270" anchor="ctr" anchorCtr="0">
          <a:noAutofit/>
        </a:bodyPr>
        <a:lstStyle/>
        <a:p>
          <a:pPr lvl="0" algn="ctr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kern="1200" baseline="0" dirty="0" smtClean="0"/>
            <a:t>Market scan or literature review </a:t>
          </a:r>
          <a:endParaRPr lang="en-GB" sz="2000" kern="1200" dirty="0"/>
        </a:p>
      </dsp:txBody>
      <dsp:txXfrm>
        <a:off x="2304726" y="498206"/>
        <a:ext cx="5057160" cy="382547"/>
      </dsp:txXfrm>
    </dsp:sp>
    <dsp:sp modelId="{A573B83C-5687-4A90-9D9F-0592C8B85BB9}">
      <dsp:nvSpPr>
        <dsp:cNvPr id="0" name=""/>
        <dsp:cNvSpPr/>
      </dsp:nvSpPr>
      <dsp:spPr>
        <a:xfrm>
          <a:off x="2290016" y="954441"/>
          <a:ext cx="5086581" cy="423937"/>
        </a:xfrm>
        <a:prstGeom prst="round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2">
              <a:hueOff val="2057091"/>
              <a:satOff val="1767"/>
              <a:lumOff val="-224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/>
          <a:lightRig rig="threePt" dir="t">
            <a:rot lat="0" lon="0" rev="7500000"/>
          </a:lightRig>
        </a:scene3d>
        <a:sp3d z="152400" extrusionH="63500" prstMaterial="dkEdge">
          <a:bevelT w="135400" h="16350" prst="relaxedInset"/>
          <a:contourClr>
            <a:schemeClr val="bg1"/>
          </a:contourClr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  <dsp:txBody>
        <a:bodyPr spcFirstLastPara="0" vert="horz" wrap="square" lIns="76200" tIns="76200" rIns="76200" bIns="76200" numCol="1" spcCol="1270" anchor="ctr" anchorCtr="0">
          <a:noAutofit/>
        </a:bodyPr>
        <a:lstStyle/>
        <a:p>
          <a:pPr lvl="0" algn="ctr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kern="1200" baseline="0" dirty="0" smtClean="0"/>
            <a:t>Planning: design and project management</a:t>
          </a:r>
          <a:endParaRPr lang="en-GB" sz="2000" kern="1200" dirty="0"/>
        </a:p>
      </dsp:txBody>
      <dsp:txXfrm>
        <a:off x="2310711" y="975136"/>
        <a:ext cx="5045191" cy="382547"/>
      </dsp:txXfrm>
    </dsp:sp>
    <dsp:sp modelId="{34EEC0DE-9595-410F-BE0C-B3FC5C63AC0F}">
      <dsp:nvSpPr>
        <dsp:cNvPr id="0" name=""/>
        <dsp:cNvSpPr/>
      </dsp:nvSpPr>
      <dsp:spPr>
        <a:xfrm>
          <a:off x="2286915" y="1431370"/>
          <a:ext cx="5092783" cy="423937"/>
        </a:xfrm>
        <a:prstGeom prst="round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2">
              <a:hueOff val="4114181"/>
              <a:satOff val="3535"/>
              <a:lumOff val="-449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/>
          <a:lightRig rig="threePt" dir="t">
            <a:rot lat="0" lon="0" rev="7500000"/>
          </a:lightRig>
        </a:scene3d>
        <a:sp3d z="152400" extrusionH="63500" prstMaterial="dkEdge">
          <a:bevelT w="135400" h="16350" prst="relaxedInset"/>
          <a:contourClr>
            <a:schemeClr val="bg1"/>
          </a:contourClr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  <dsp:txBody>
        <a:bodyPr spcFirstLastPara="0" vert="horz" wrap="square" lIns="76200" tIns="76200" rIns="76200" bIns="76200" numCol="1" spcCol="1270" anchor="ctr" anchorCtr="0">
          <a:noAutofit/>
        </a:bodyPr>
        <a:lstStyle/>
        <a:p>
          <a:pPr lvl="0" algn="ctr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kern="1200" baseline="0" dirty="0" smtClean="0"/>
            <a:t>IL frameworks</a:t>
          </a:r>
          <a:endParaRPr lang="en-GB" sz="2000" kern="1200" dirty="0"/>
        </a:p>
      </dsp:txBody>
      <dsp:txXfrm>
        <a:off x="2307610" y="1452065"/>
        <a:ext cx="5051393" cy="382547"/>
      </dsp:txXfrm>
    </dsp:sp>
    <dsp:sp modelId="{D671FC9F-E88E-42F7-B4EB-18102A4B852A}">
      <dsp:nvSpPr>
        <dsp:cNvPr id="0" name=""/>
        <dsp:cNvSpPr/>
      </dsp:nvSpPr>
      <dsp:spPr>
        <a:xfrm>
          <a:off x="2285380" y="1908300"/>
          <a:ext cx="5095853" cy="423937"/>
        </a:xfrm>
        <a:prstGeom prst="round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2">
              <a:hueOff val="6171272"/>
              <a:satOff val="5302"/>
              <a:lumOff val="-673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/>
          <a:lightRig rig="threePt" dir="t">
            <a:rot lat="0" lon="0" rev="7500000"/>
          </a:lightRig>
        </a:scene3d>
        <a:sp3d z="152400" extrusionH="63500" prstMaterial="dkEdge">
          <a:bevelT w="135400" h="16350" prst="relaxedInset"/>
          <a:contourClr>
            <a:schemeClr val="bg1"/>
          </a:contourClr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  <dsp:txBody>
        <a:bodyPr spcFirstLastPara="0" vert="horz" wrap="square" lIns="76200" tIns="76200" rIns="76200" bIns="76200" numCol="1" spcCol="1270" anchor="ctr" anchorCtr="0">
          <a:noAutofit/>
        </a:bodyPr>
        <a:lstStyle/>
        <a:p>
          <a:pPr lvl="0" algn="ctr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kern="1200" baseline="0" dirty="0" smtClean="0"/>
            <a:t>Development software</a:t>
          </a:r>
          <a:endParaRPr lang="en-GB" sz="2000" kern="1200" dirty="0"/>
        </a:p>
      </dsp:txBody>
      <dsp:txXfrm>
        <a:off x="2306075" y="1928995"/>
        <a:ext cx="5054463" cy="382547"/>
      </dsp:txXfrm>
    </dsp:sp>
    <dsp:sp modelId="{8B9174AA-CFFB-45DE-BB98-5BD6D8009A42}">
      <dsp:nvSpPr>
        <dsp:cNvPr id="0" name=""/>
        <dsp:cNvSpPr/>
      </dsp:nvSpPr>
      <dsp:spPr>
        <a:xfrm>
          <a:off x="2284605" y="2385230"/>
          <a:ext cx="5097403" cy="423937"/>
        </a:xfrm>
        <a:prstGeom prst="round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2">
              <a:hueOff val="8228362"/>
              <a:satOff val="7069"/>
              <a:lumOff val="-898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/>
          <a:lightRig rig="threePt" dir="t">
            <a:rot lat="0" lon="0" rev="7500000"/>
          </a:lightRig>
        </a:scene3d>
        <a:sp3d z="152400" extrusionH="63500" prstMaterial="dkEdge">
          <a:bevelT w="135400" h="16350" prst="relaxedInset"/>
          <a:contourClr>
            <a:schemeClr val="bg1"/>
          </a:contourClr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  <dsp:txBody>
        <a:bodyPr spcFirstLastPara="0" vert="horz" wrap="square" lIns="76200" tIns="76200" rIns="76200" bIns="76200" numCol="1" spcCol="1270" anchor="ctr" anchorCtr="0">
          <a:noAutofit/>
        </a:bodyPr>
        <a:lstStyle/>
        <a:p>
          <a:pPr lvl="0" algn="ctr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kern="1200" baseline="0" dirty="0" smtClean="0"/>
            <a:t>Hardware and delivery methods</a:t>
          </a:r>
          <a:endParaRPr lang="en-GB" sz="2000" kern="1200" dirty="0"/>
        </a:p>
      </dsp:txBody>
      <dsp:txXfrm>
        <a:off x="2305300" y="2405925"/>
        <a:ext cx="5056013" cy="382547"/>
      </dsp:txXfrm>
    </dsp:sp>
    <dsp:sp modelId="{2C00A2ED-50A3-48B9-9654-24C7AB444649}">
      <dsp:nvSpPr>
        <dsp:cNvPr id="0" name=""/>
        <dsp:cNvSpPr/>
      </dsp:nvSpPr>
      <dsp:spPr>
        <a:xfrm>
          <a:off x="2284217" y="2862159"/>
          <a:ext cx="5098178" cy="423937"/>
        </a:xfrm>
        <a:prstGeom prst="round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2">
              <a:hueOff val="10285453"/>
              <a:satOff val="8836"/>
              <a:lumOff val="-1122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/>
          <a:lightRig rig="threePt" dir="t">
            <a:rot lat="0" lon="0" rev="7500000"/>
          </a:lightRig>
        </a:scene3d>
        <a:sp3d z="152400" extrusionH="63500" prstMaterial="dkEdge">
          <a:bevelT w="135400" h="16350" prst="relaxedInset"/>
          <a:contourClr>
            <a:schemeClr val="bg1"/>
          </a:contourClr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  <dsp:txBody>
        <a:bodyPr spcFirstLastPara="0" vert="horz" wrap="square" lIns="76200" tIns="76200" rIns="76200" bIns="76200" numCol="1" spcCol="1270" anchor="ctr" anchorCtr="0">
          <a:noAutofit/>
        </a:bodyPr>
        <a:lstStyle/>
        <a:p>
          <a:pPr lvl="0" algn="ctr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kern="1200" baseline="0" dirty="0" smtClean="0"/>
            <a:t>Testing and piloting </a:t>
          </a:r>
          <a:endParaRPr lang="en-GB" sz="2000" kern="1200" dirty="0"/>
        </a:p>
      </dsp:txBody>
      <dsp:txXfrm>
        <a:off x="2304912" y="2882854"/>
        <a:ext cx="5056788" cy="382547"/>
      </dsp:txXfrm>
    </dsp:sp>
    <dsp:sp modelId="{2CD89044-BA85-474F-B8F9-DBFAFFA85C5A}">
      <dsp:nvSpPr>
        <dsp:cNvPr id="0" name=""/>
        <dsp:cNvSpPr/>
      </dsp:nvSpPr>
      <dsp:spPr>
        <a:xfrm>
          <a:off x="2283938" y="3339089"/>
          <a:ext cx="5098736" cy="423937"/>
        </a:xfrm>
        <a:prstGeom prst="round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2">
              <a:hueOff val="12342544"/>
              <a:satOff val="10604"/>
              <a:lumOff val="-1347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/>
          <a:lightRig rig="threePt" dir="t">
            <a:rot lat="0" lon="0" rev="7500000"/>
          </a:lightRig>
        </a:scene3d>
        <a:sp3d z="152400" extrusionH="63500" prstMaterial="dkEdge">
          <a:bevelT w="135400" h="16350" prst="relaxedInset"/>
          <a:contourClr>
            <a:schemeClr val="bg1"/>
          </a:contourClr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  <dsp:txBody>
        <a:bodyPr spcFirstLastPara="0" vert="horz" wrap="square" lIns="76200" tIns="76200" rIns="76200" bIns="76200" numCol="1" spcCol="1270" anchor="ctr" anchorCtr="0">
          <a:noAutofit/>
        </a:bodyPr>
        <a:lstStyle/>
        <a:p>
          <a:pPr lvl="0" algn="ctr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kern="1200" baseline="0" dirty="0" smtClean="0"/>
            <a:t>Teaching: timetabling and delivery </a:t>
          </a:r>
          <a:endParaRPr lang="en-GB" sz="2000" kern="1200" dirty="0"/>
        </a:p>
      </dsp:txBody>
      <dsp:txXfrm>
        <a:off x="2304633" y="3359784"/>
        <a:ext cx="5057346" cy="382547"/>
      </dsp:txXfrm>
    </dsp:sp>
    <dsp:sp modelId="{4BC61631-EE23-43FD-A158-1A0E345D7FC5}">
      <dsp:nvSpPr>
        <dsp:cNvPr id="0" name=""/>
        <dsp:cNvSpPr/>
      </dsp:nvSpPr>
      <dsp:spPr>
        <a:xfrm>
          <a:off x="2283892" y="3816018"/>
          <a:ext cx="5098829" cy="423937"/>
        </a:xfrm>
        <a:prstGeom prst="round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2">
              <a:hueOff val="14399634"/>
              <a:satOff val="12371"/>
              <a:lumOff val="-1571"/>
              <a:alphaOff val="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/>
          <a:lightRig rig="threePt" dir="t">
            <a:rot lat="0" lon="0" rev="7500000"/>
          </a:lightRig>
        </a:scene3d>
        <a:sp3d z="152400" extrusionH="63500" prstMaterial="dkEdge">
          <a:bevelT w="135400" h="16350" prst="relaxedInset"/>
          <a:contourClr>
            <a:schemeClr val="bg1"/>
          </a:contourClr>
        </a:sp3d>
      </dsp:spPr>
      <dsp:style>
        <a:lnRef idx="1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  <dsp:txBody>
        <a:bodyPr spcFirstLastPara="0" vert="horz" wrap="square" lIns="76200" tIns="76200" rIns="76200" bIns="76200" numCol="1" spcCol="1270" anchor="ctr" anchorCtr="0">
          <a:noAutofit/>
        </a:bodyPr>
        <a:lstStyle/>
        <a:p>
          <a:pPr lvl="0" algn="ctr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kern="1200" baseline="0" dirty="0" smtClean="0"/>
            <a:t>Futureproofing</a:t>
          </a:r>
          <a:endParaRPr lang="en-GB" sz="2000" kern="1200" dirty="0"/>
        </a:p>
      </dsp:txBody>
      <dsp:txXfrm>
        <a:off x="2304587" y="3836713"/>
        <a:ext cx="5057439" cy="382547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C8E43395-E7E1-4A8E-B02B-E0BABD47EFE7}">
      <dsp:nvSpPr>
        <dsp:cNvPr id="0" name=""/>
        <dsp:cNvSpPr/>
      </dsp:nvSpPr>
      <dsp:spPr>
        <a:xfrm>
          <a:off x="1338" y="1940"/>
          <a:ext cx="8277723" cy="1165055"/>
        </a:xfrm>
        <a:prstGeom prst="roundRect">
          <a:avLst>
            <a:gd name="adj" fmla="val 10000"/>
          </a:avLst>
        </a:prstGeom>
        <a:solidFill>
          <a:schemeClr val="accent2">
            <a:alpha val="8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106680" tIns="106680" rIns="106680" bIns="106680" numCol="1" spcCol="1270" anchor="ctr" anchorCtr="0">
          <a:noAutofit/>
        </a:bodyPr>
        <a:lstStyle/>
        <a:p>
          <a:pPr lvl="0" algn="ctr" defTabSz="12446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800" kern="1200" baseline="0" dirty="0" smtClean="0"/>
            <a:t>It may not be possible to go through all eight stages. It helps to adopt a structured approach!</a:t>
          </a:r>
          <a:endParaRPr lang="en-GB" sz="2800" kern="1200" dirty="0"/>
        </a:p>
      </dsp:txBody>
      <dsp:txXfrm>
        <a:off x="35461" y="36063"/>
        <a:ext cx="8209477" cy="1096809"/>
      </dsp:txXfrm>
    </dsp:sp>
    <dsp:sp modelId="{BA6470F0-372B-4FB4-BC12-EA6156FB3996}">
      <dsp:nvSpPr>
        <dsp:cNvPr id="0" name=""/>
        <dsp:cNvSpPr/>
      </dsp:nvSpPr>
      <dsp:spPr>
        <a:xfrm>
          <a:off x="1338" y="1475375"/>
          <a:ext cx="1946783" cy="2933096"/>
        </a:xfrm>
        <a:prstGeom prst="roundRect">
          <a:avLst>
            <a:gd name="adj" fmla="val 10000"/>
          </a:avLst>
        </a:prstGeom>
        <a:solidFill>
          <a:schemeClr val="accent2">
            <a:alpha val="7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83820" tIns="83820" rIns="83820" bIns="83820" numCol="1" spcCol="1270" anchor="ctr" anchorCtr="0">
          <a:noAutofit/>
        </a:bodyPr>
        <a:lstStyle/>
        <a:p>
          <a:pPr lvl="0" algn="ctr" defTabSz="9779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200" kern="1200" baseline="0" smtClean="0"/>
            <a:t>Is a market scan necessary? Yes!</a:t>
          </a:r>
          <a:endParaRPr lang="en-GB" sz="2200" kern="1200"/>
        </a:p>
      </dsp:txBody>
      <dsp:txXfrm>
        <a:off x="58357" y="1532394"/>
        <a:ext cx="1832745" cy="2819058"/>
      </dsp:txXfrm>
    </dsp:sp>
    <dsp:sp modelId="{4697EBFF-0F7E-418C-84E5-694185C6A2C6}">
      <dsp:nvSpPr>
        <dsp:cNvPr id="0" name=""/>
        <dsp:cNvSpPr/>
      </dsp:nvSpPr>
      <dsp:spPr>
        <a:xfrm>
          <a:off x="2111651" y="1475375"/>
          <a:ext cx="1946783" cy="2933096"/>
        </a:xfrm>
        <a:prstGeom prst="roundRect">
          <a:avLst>
            <a:gd name="adj" fmla="val 10000"/>
          </a:avLst>
        </a:prstGeom>
        <a:solidFill>
          <a:schemeClr val="accent2">
            <a:alpha val="7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83820" tIns="83820" rIns="83820" bIns="83820" numCol="1" spcCol="1270" anchor="ctr" anchorCtr="0">
          <a:noAutofit/>
        </a:bodyPr>
        <a:lstStyle/>
        <a:p>
          <a:pPr lvl="0" algn="ctr" defTabSz="9779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200" kern="1200" baseline="0" smtClean="0"/>
            <a:t>Did we do it? No!</a:t>
          </a:r>
          <a:endParaRPr lang="en-GB" sz="2200" kern="1200"/>
        </a:p>
      </dsp:txBody>
      <dsp:txXfrm>
        <a:off x="2168670" y="1532394"/>
        <a:ext cx="1832745" cy="2819058"/>
      </dsp:txXfrm>
    </dsp:sp>
    <dsp:sp modelId="{A13443DA-43AB-47E8-9473-81400395E72B}">
      <dsp:nvSpPr>
        <dsp:cNvPr id="0" name=""/>
        <dsp:cNvSpPr/>
      </dsp:nvSpPr>
      <dsp:spPr>
        <a:xfrm>
          <a:off x="4221964" y="1475375"/>
          <a:ext cx="1946783" cy="2933096"/>
        </a:xfrm>
        <a:prstGeom prst="roundRect">
          <a:avLst>
            <a:gd name="adj" fmla="val 10000"/>
          </a:avLst>
        </a:prstGeom>
        <a:solidFill>
          <a:schemeClr val="accent2">
            <a:alpha val="7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83820" tIns="83820" rIns="83820" bIns="83820" numCol="1" spcCol="1270" anchor="ctr" anchorCtr="0">
          <a:noAutofit/>
        </a:bodyPr>
        <a:lstStyle/>
        <a:p>
          <a:pPr lvl="0" algn="ctr" defTabSz="9779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200" kern="1200" baseline="0" smtClean="0"/>
            <a:t>Even if you are adapting an OER it is worth finding out what resources exist and the best delivery methods.</a:t>
          </a:r>
          <a:endParaRPr lang="en-GB" sz="2200" kern="1200"/>
        </a:p>
      </dsp:txBody>
      <dsp:txXfrm>
        <a:off x="4278983" y="1532394"/>
        <a:ext cx="1832745" cy="2819058"/>
      </dsp:txXfrm>
    </dsp:sp>
    <dsp:sp modelId="{F8A83627-48EB-443D-A629-27AC99873DFF}">
      <dsp:nvSpPr>
        <dsp:cNvPr id="0" name=""/>
        <dsp:cNvSpPr/>
      </dsp:nvSpPr>
      <dsp:spPr>
        <a:xfrm>
          <a:off x="6332278" y="1475375"/>
          <a:ext cx="1946783" cy="2933096"/>
        </a:xfrm>
        <a:prstGeom prst="roundRect">
          <a:avLst>
            <a:gd name="adj" fmla="val 10000"/>
          </a:avLst>
        </a:prstGeom>
        <a:solidFill>
          <a:schemeClr val="accent2">
            <a:alpha val="7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83820" tIns="83820" rIns="83820" bIns="83820" numCol="1" spcCol="1270" anchor="ctr" anchorCtr="0">
          <a:noAutofit/>
        </a:bodyPr>
        <a:lstStyle/>
        <a:p>
          <a:pPr lvl="0" algn="ctr" defTabSz="9779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200" kern="1200" baseline="0" smtClean="0"/>
            <a:t>It is always worth learning from others. It can save time in the long run.</a:t>
          </a:r>
          <a:endParaRPr lang="en-GB" sz="2200" kern="1200"/>
        </a:p>
      </dsp:txBody>
      <dsp:txXfrm>
        <a:off x="6389297" y="1532394"/>
        <a:ext cx="1832745" cy="2819058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0BBBED8-C8C0-4C8E-A12F-AA942D68AC16}">
      <dsp:nvSpPr>
        <dsp:cNvPr id="0" name=""/>
        <dsp:cNvSpPr/>
      </dsp:nvSpPr>
      <dsp:spPr>
        <a:xfrm>
          <a:off x="0" y="185977"/>
          <a:ext cx="8280400" cy="5355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Stage of course, mode of study, language and IT skills? Broadband?</a:t>
          </a:r>
          <a:endParaRPr lang="en-GB" sz="1600" kern="1200" dirty="0"/>
        </a:p>
      </dsp:txBody>
      <dsp:txXfrm>
        <a:off x="0" y="185977"/>
        <a:ext cx="8280400" cy="535500"/>
      </dsp:txXfrm>
    </dsp:sp>
    <dsp:sp modelId="{42B52CBD-7C96-4D5B-94BC-7E52E9F09619}">
      <dsp:nvSpPr>
        <dsp:cNvPr id="0" name=""/>
        <dsp:cNvSpPr/>
      </dsp:nvSpPr>
      <dsp:spPr>
        <a:xfrm>
          <a:off x="414020" y="38377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b="1" kern="1200" baseline="0" dirty="0" smtClean="0"/>
            <a:t>Define target users</a:t>
          </a:r>
          <a:endParaRPr lang="en-GB" sz="2000" kern="1200" dirty="0"/>
        </a:p>
      </dsp:txBody>
      <dsp:txXfrm>
        <a:off x="428430" y="52787"/>
        <a:ext cx="5767460" cy="266380"/>
      </dsp:txXfrm>
    </dsp:sp>
    <dsp:sp modelId="{2DE42F01-D850-466F-B2AD-1B3A609A8CF2}">
      <dsp:nvSpPr>
        <dsp:cNvPr id="0" name=""/>
        <dsp:cNvSpPr/>
      </dsp:nvSpPr>
      <dsp:spPr>
        <a:xfrm>
          <a:off x="0" y="923077"/>
          <a:ext cx="8280400" cy="5355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Set up style guide (useful for teams!)</a:t>
          </a:r>
          <a:endParaRPr lang="en-GB" sz="1600" kern="1200" dirty="0"/>
        </a:p>
      </dsp:txBody>
      <dsp:txXfrm>
        <a:off x="0" y="923077"/>
        <a:ext cx="8280400" cy="535500"/>
      </dsp:txXfrm>
    </dsp:sp>
    <dsp:sp modelId="{723DD7D5-D0CA-45D0-8147-7D81E720FCE2}">
      <dsp:nvSpPr>
        <dsp:cNvPr id="0" name=""/>
        <dsp:cNvSpPr/>
      </dsp:nvSpPr>
      <dsp:spPr>
        <a:xfrm>
          <a:off x="414020" y="775477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b="1" kern="1200" baseline="0" dirty="0" smtClean="0"/>
            <a:t>Decide on style</a:t>
          </a:r>
          <a:endParaRPr lang="en-GB" sz="2000" kern="1200" dirty="0"/>
        </a:p>
      </dsp:txBody>
      <dsp:txXfrm>
        <a:off x="428430" y="789887"/>
        <a:ext cx="5767460" cy="266380"/>
      </dsp:txXfrm>
    </dsp:sp>
    <dsp:sp modelId="{BDB1CE75-3BDC-47B7-8091-0690B4561F4F}">
      <dsp:nvSpPr>
        <dsp:cNvPr id="0" name=""/>
        <dsp:cNvSpPr/>
      </dsp:nvSpPr>
      <dsp:spPr>
        <a:xfrm>
          <a:off x="0" y="1660177"/>
          <a:ext cx="8280400" cy="5355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Are all graphics necessary? Clear font, scrolling, institutional marketing?</a:t>
          </a:r>
          <a:endParaRPr lang="en-GB" sz="1600" kern="1200" dirty="0"/>
        </a:p>
      </dsp:txBody>
      <dsp:txXfrm>
        <a:off x="0" y="1660177"/>
        <a:ext cx="8280400" cy="535500"/>
      </dsp:txXfrm>
    </dsp:sp>
    <dsp:sp modelId="{46323268-C7FC-477F-A10D-9F37D11F615D}">
      <dsp:nvSpPr>
        <dsp:cNvPr id="0" name=""/>
        <dsp:cNvSpPr/>
      </dsp:nvSpPr>
      <dsp:spPr>
        <a:xfrm>
          <a:off x="414020" y="1512577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b="1" kern="1200" baseline="0" dirty="0" smtClean="0"/>
            <a:t>Look and feel</a:t>
          </a:r>
          <a:endParaRPr lang="en-GB" sz="2000" kern="1200" dirty="0"/>
        </a:p>
      </dsp:txBody>
      <dsp:txXfrm>
        <a:off x="428430" y="1526987"/>
        <a:ext cx="5767460" cy="266380"/>
      </dsp:txXfrm>
    </dsp:sp>
    <dsp:sp modelId="{9102D140-386E-4764-BC8E-F7F2E449D8E0}">
      <dsp:nvSpPr>
        <dsp:cNvPr id="0" name=""/>
        <dsp:cNvSpPr/>
      </dsp:nvSpPr>
      <dsp:spPr>
        <a:xfrm>
          <a:off x="0" y="2397278"/>
          <a:ext cx="8280400" cy="7560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Clear menus, location signposts, platform agnostic, flash player? Test on variety of devices!</a:t>
          </a:r>
          <a:endParaRPr lang="en-GB" sz="1600" kern="1200" dirty="0"/>
        </a:p>
      </dsp:txBody>
      <dsp:txXfrm>
        <a:off x="0" y="2397278"/>
        <a:ext cx="8280400" cy="756000"/>
      </dsp:txXfrm>
    </dsp:sp>
    <dsp:sp modelId="{01F1BC55-CADB-4F2A-8BA2-D4C526DCD6C1}">
      <dsp:nvSpPr>
        <dsp:cNvPr id="0" name=""/>
        <dsp:cNvSpPr/>
      </dsp:nvSpPr>
      <dsp:spPr>
        <a:xfrm>
          <a:off x="414020" y="2249677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b="1" kern="1200" baseline="0" dirty="0" smtClean="0"/>
            <a:t>Navigation</a:t>
          </a:r>
          <a:endParaRPr lang="en-GB" sz="2000" kern="1200" dirty="0"/>
        </a:p>
      </dsp:txBody>
      <dsp:txXfrm>
        <a:off x="428430" y="2264087"/>
        <a:ext cx="5767460" cy="266380"/>
      </dsp:txXfrm>
    </dsp:sp>
    <dsp:sp modelId="{C88F2F5E-24F4-428F-90FF-C4B03E89A34A}">
      <dsp:nvSpPr>
        <dsp:cNvPr id="0" name=""/>
        <dsp:cNvSpPr/>
      </dsp:nvSpPr>
      <dsp:spPr>
        <a:xfrm>
          <a:off x="0" y="3354878"/>
          <a:ext cx="8280400" cy="5355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Build from scratch or adapt OERs (or both?). Create storyboard. Copyright?</a:t>
          </a:r>
          <a:endParaRPr lang="en-GB" sz="1600" kern="1200" dirty="0"/>
        </a:p>
      </dsp:txBody>
      <dsp:txXfrm>
        <a:off x="0" y="3354878"/>
        <a:ext cx="8280400" cy="535500"/>
      </dsp:txXfrm>
    </dsp:sp>
    <dsp:sp modelId="{92CDC687-0F8E-42BC-B2E2-12331A64DB3A}">
      <dsp:nvSpPr>
        <dsp:cNvPr id="0" name=""/>
        <dsp:cNvSpPr/>
      </dsp:nvSpPr>
      <dsp:spPr>
        <a:xfrm>
          <a:off x="414020" y="3207278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b="1" kern="1200" baseline="0" dirty="0" smtClean="0"/>
            <a:t>Develop content </a:t>
          </a:r>
          <a:endParaRPr lang="en-GB" sz="2000" kern="1200" dirty="0"/>
        </a:p>
      </dsp:txBody>
      <dsp:txXfrm>
        <a:off x="428430" y="3221688"/>
        <a:ext cx="5767460" cy="266380"/>
      </dsp:txXfrm>
    </dsp:sp>
    <dsp:sp modelId="{82A12C8F-F34B-4B7F-83BB-E8FB461457B6}">
      <dsp:nvSpPr>
        <dsp:cNvPr id="0" name=""/>
        <dsp:cNvSpPr/>
      </dsp:nvSpPr>
      <dsp:spPr>
        <a:xfrm>
          <a:off x="0" y="4091978"/>
          <a:ext cx="8280400" cy="7560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Consult specialists at all stages. If none in institution, use external organisations. Build in from start!</a:t>
          </a:r>
          <a:endParaRPr lang="en-GB" sz="1600" kern="1200" dirty="0"/>
        </a:p>
      </dsp:txBody>
      <dsp:txXfrm>
        <a:off x="0" y="4091978"/>
        <a:ext cx="8280400" cy="756000"/>
      </dsp:txXfrm>
    </dsp:sp>
    <dsp:sp modelId="{7299CB23-EEAF-42F8-A4B1-30D3DA06CF15}">
      <dsp:nvSpPr>
        <dsp:cNvPr id="0" name=""/>
        <dsp:cNvSpPr/>
      </dsp:nvSpPr>
      <dsp:spPr>
        <a:xfrm>
          <a:off x="414020" y="3944378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b="1" kern="1200" baseline="0" dirty="0" smtClean="0"/>
            <a:t>Accessibility</a:t>
          </a:r>
          <a:endParaRPr lang="en-GB" sz="2000" kern="1200" dirty="0"/>
        </a:p>
      </dsp:txBody>
      <dsp:txXfrm>
        <a:off x="428430" y="3958788"/>
        <a:ext cx="5767460" cy="266380"/>
      </dsp:txXfrm>
    </dsp:sp>
    <dsp:sp modelId="{71BD7669-34F7-4968-A5A2-D7182B287A36}">
      <dsp:nvSpPr>
        <dsp:cNvPr id="0" name=""/>
        <dsp:cNvSpPr/>
      </dsp:nvSpPr>
      <dsp:spPr>
        <a:xfrm>
          <a:off x="0" y="5049578"/>
          <a:ext cx="8280400" cy="5355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208280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With timeline (Gantt chart), build in time for revision!</a:t>
          </a:r>
          <a:endParaRPr lang="en-GB" sz="1600" kern="1200" dirty="0"/>
        </a:p>
      </dsp:txBody>
      <dsp:txXfrm>
        <a:off x="0" y="5049578"/>
        <a:ext cx="8280400" cy="535500"/>
      </dsp:txXfrm>
    </dsp:sp>
    <dsp:sp modelId="{F27E613F-D408-4605-9FD0-377E8266DCD4}">
      <dsp:nvSpPr>
        <dsp:cNvPr id="0" name=""/>
        <dsp:cNvSpPr/>
      </dsp:nvSpPr>
      <dsp:spPr>
        <a:xfrm>
          <a:off x="414020" y="4901978"/>
          <a:ext cx="5796280" cy="29520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8890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000" b="1" kern="1200" baseline="0" dirty="0" smtClean="0"/>
            <a:t>Write project plan</a:t>
          </a:r>
          <a:endParaRPr lang="en-GB" sz="2000" kern="1200" dirty="0"/>
        </a:p>
      </dsp:txBody>
      <dsp:txXfrm>
        <a:off x="428430" y="4916388"/>
        <a:ext cx="5767460" cy="266380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3DDCFA3-1450-4E08-A0F0-56A7594CEAC5}">
      <dsp:nvSpPr>
        <dsp:cNvPr id="0" name=""/>
        <dsp:cNvSpPr/>
      </dsp:nvSpPr>
      <dsp:spPr>
        <a:xfrm>
          <a:off x="1580515" y="0"/>
          <a:ext cx="5119370" cy="5119370"/>
        </a:xfrm>
        <a:prstGeom prst="diamond">
          <a:avLst/>
        </a:prstGeom>
        <a:solidFill>
          <a:schemeClr val="accent2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0D501D8-C609-47AB-B169-70CC166954A0}">
      <dsp:nvSpPr>
        <dsp:cNvPr id="0" name=""/>
        <dsp:cNvSpPr/>
      </dsp:nvSpPr>
      <dsp:spPr>
        <a:xfrm>
          <a:off x="1802002" y="18607"/>
          <a:ext cx="2176583" cy="2228833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8580" tIns="68580" rIns="68580" bIns="68580" numCol="1" spcCol="1270" anchor="t" anchorCtr="0">
          <a:noAutofit/>
        </a:bodyPr>
        <a:lstStyle/>
        <a:p>
          <a:pPr lvl="0" algn="l" defTabSz="8001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800" kern="1200" baseline="0" dirty="0" smtClean="0"/>
            <a:t>Professional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ACRL framework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BPS Future of Undergraduate Psychology in the UK report</a:t>
          </a:r>
          <a:endParaRPr lang="en-GB" sz="1800" kern="1200" dirty="0"/>
        </a:p>
      </dsp:txBody>
      <dsp:txXfrm>
        <a:off x="1908254" y="124859"/>
        <a:ext cx="1964079" cy="2016329"/>
      </dsp:txXfrm>
    </dsp:sp>
    <dsp:sp modelId="{8017A0B1-EB04-46BB-BE37-89ECC49075FC}">
      <dsp:nvSpPr>
        <dsp:cNvPr id="0" name=""/>
        <dsp:cNvSpPr/>
      </dsp:nvSpPr>
      <dsp:spPr>
        <a:xfrm>
          <a:off x="4322348" y="78693"/>
          <a:ext cx="2144019" cy="2143999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-13333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8580" tIns="68580" rIns="68580" bIns="68580" numCol="1" spcCol="1270" anchor="t" anchorCtr="0">
          <a:noAutofit/>
        </a:bodyPr>
        <a:lstStyle/>
        <a:p>
          <a:pPr lvl="0" algn="l" defTabSz="8001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800" kern="1200" baseline="0" dirty="0" smtClean="0"/>
            <a:t>Institutional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GCU 21</a:t>
          </a:r>
          <a:r>
            <a:rPr lang="en-GB" sz="1800" kern="1200" baseline="30000" dirty="0" smtClean="0"/>
            <a:t>st</a:t>
          </a:r>
          <a:r>
            <a:rPr lang="en-GB" sz="1800" kern="1200" dirty="0" smtClean="0"/>
            <a:t> Century Graduate Attributes </a:t>
          </a:r>
          <a:endParaRPr lang="en-GB" sz="1800" kern="1200" dirty="0"/>
        </a:p>
      </dsp:txBody>
      <dsp:txXfrm>
        <a:off x="4427009" y="183354"/>
        <a:ext cx="1934697" cy="1934677"/>
      </dsp:txXfrm>
    </dsp:sp>
    <dsp:sp modelId="{4F8274D1-21A0-4E85-AF04-6FBD0719E1F9}">
      <dsp:nvSpPr>
        <dsp:cNvPr id="0" name=""/>
        <dsp:cNvSpPr/>
      </dsp:nvSpPr>
      <dsp:spPr>
        <a:xfrm>
          <a:off x="1892026" y="2690202"/>
          <a:ext cx="2176583" cy="2249158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-26667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8580" tIns="68580" rIns="68580" bIns="68580" numCol="1" spcCol="1270" anchor="t" anchorCtr="0">
          <a:noAutofit/>
        </a:bodyPr>
        <a:lstStyle/>
        <a:p>
          <a:pPr lvl="0" algn="l" defTabSz="8001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800" kern="1200" dirty="0" smtClean="0"/>
            <a:t>National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National Information Literacy Framework Scotland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SCONUL 7 Pillars </a:t>
          </a:r>
          <a:endParaRPr lang="en-GB" sz="1800" kern="1200" dirty="0"/>
        </a:p>
      </dsp:txBody>
      <dsp:txXfrm>
        <a:off x="1998278" y="2796454"/>
        <a:ext cx="1964079" cy="2036654"/>
      </dsp:txXfrm>
    </dsp:sp>
    <dsp:sp modelId="{5E3E3CAC-7D42-4470-B84B-A9ADE82FC625}">
      <dsp:nvSpPr>
        <dsp:cNvPr id="0" name=""/>
        <dsp:cNvSpPr/>
      </dsp:nvSpPr>
      <dsp:spPr>
        <a:xfrm>
          <a:off x="4306086" y="2687886"/>
          <a:ext cx="2176543" cy="2251474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-4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8580" tIns="68580" rIns="68580" bIns="68580" numCol="1" spcCol="1270" anchor="t" anchorCtr="0">
          <a:noAutofit/>
        </a:bodyPr>
        <a:lstStyle/>
        <a:p>
          <a:pPr lvl="0" algn="l" defTabSz="8001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800" kern="1200" dirty="0" smtClean="0"/>
            <a:t>Graduate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Vitae Researcher Development Framework</a:t>
          </a:r>
          <a:endParaRPr lang="en-GB" sz="1800" kern="1200" dirty="0"/>
        </a:p>
        <a:p>
          <a:pPr marL="171450" lvl="1" indent="-171450" algn="l" defTabSz="8001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800" kern="1200" dirty="0" smtClean="0"/>
            <a:t>CBI graduate attributes </a:t>
          </a:r>
          <a:endParaRPr lang="en-GB" sz="1800" kern="1200" dirty="0"/>
        </a:p>
      </dsp:txBody>
      <dsp:txXfrm>
        <a:off x="4412336" y="2794136"/>
        <a:ext cx="1964043" cy="2038974"/>
      </dsp:txXfrm>
    </dsp:sp>
  </dsp:spTree>
</dsp:drawing>
</file>

<file path=ppt/diagrams/drawing6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80691EA-821B-4324-B7B1-B3F274167B31}">
      <dsp:nvSpPr>
        <dsp:cNvPr id="0" name=""/>
        <dsp:cNvSpPr/>
      </dsp:nvSpPr>
      <dsp:spPr>
        <a:xfrm>
          <a:off x="0" y="309425"/>
          <a:ext cx="8280400" cy="9072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333248" rIns="642651" bIns="113792" numCol="1" spcCol="1270" anchor="t" anchorCtr="0">
          <a:noAutofit/>
        </a:bodyPr>
        <a:lstStyle/>
        <a:p>
          <a:pPr marL="171450" lvl="1" indent="-171450" algn="l" defTabSz="7112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smtClean="0"/>
            <a:t>simple HTML web pages</a:t>
          </a:r>
          <a:endParaRPr lang="en-GB" sz="1600" kern="1200"/>
        </a:p>
        <a:p>
          <a:pPr marL="171450" lvl="1" indent="-171450" algn="l" defTabSz="7112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smtClean="0"/>
            <a:t>presentation software like iSpring, Xerte or Articulate</a:t>
          </a:r>
          <a:endParaRPr lang="en-GB" sz="1600" kern="1200"/>
        </a:p>
      </dsp:txBody>
      <dsp:txXfrm>
        <a:off x="0" y="309425"/>
        <a:ext cx="8280400" cy="907200"/>
      </dsp:txXfrm>
    </dsp:sp>
    <dsp:sp modelId="{0F14497F-A7B7-4740-800D-BB7849EE9231}">
      <dsp:nvSpPr>
        <dsp:cNvPr id="0" name=""/>
        <dsp:cNvSpPr/>
      </dsp:nvSpPr>
      <dsp:spPr>
        <a:xfrm>
          <a:off x="414020" y="73265"/>
          <a:ext cx="6336377" cy="47232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b="1" kern="1200" baseline="0" dirty="0" smtClean="0">
              <a:latin typeface="+mn-lt"/>
            </a:rPr>
            <a:t>How do you present your course?</a:t>
          </a:r>
          <a:r>
            <a:rPr lang="en-GB" sz="1400" b="1" kern="1200" baseline="0" dirty="0" smtClean="0">
              <a:latin typeface="+mn-lt"/>
            </a:rPr>
            <a:t> </a:t>
          </a:r>
          <a:endParaRPr lang="en-GB" sz="1400" b="1" kern="1200" dirty="0">
            <a:latin typeface="+mn-lt"/>
          </a:endParaRPr>
        </a:p>
      </dsp:txBody>
      <dsp:txXfrm>
        <a:off x="437077" y="96322"/>
        <a:ext cx="6290263" cy="426206"/>
      </dsp:txXfrm>
    </dsp:sp>
    <dsp:sp modelId="{B9120BE4-A3DC-4CF7-895A-37DF4294FE0F}">
      <dsp:nvSpPr>
        <dsp:cNvPr id="0" name=""/>
        <dsp:cNvSpPr/>
      </dsp:nvSpPr>
      <dsp:spPr>
        <a:xfrm>
          <a:off x="0" y="1539185"/>
          <a:ext cx="8280400" cy="6678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333248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what type? </a:t>
          </a:r>
          <a:r>
            <a:rPr lang="en-GB" sz="1600" kern="1200" dirty="0" err="1" smtClean="0"/>
            <a:t>tabletop</a:t>
          </a:r>
          <a:r>
            <a:rPr lang="en-GB" sz="1600" kern="1200" dirty="0" smtClean="0"/>
            <a:t> or online? single user or groups?</a:t>
          </a:r>
          <a:endParaRPr lang="en-GB" sz="1600" kern="1200" dirty="0"/>
        </a:p>
      </dsp:txBody>
      <dsp:txXfrm>
        <a:off x="0" y="1539185"/>
        <a:ext cx="8280400" cy="667800"/>
      </dsp:txXfrm>
    </dsp:sp>
    <dsp:sp modelId="{FE914D60-E219-4A9A-9632-083322EF8117}">
      <dsp:nvSpPr>
        <dsp:cNvPr id="0" name=""/>
        <dsp:cNvSpPr/>
      </dsp:nvSpPr>
      <dsp:spPr>
        <a:xfrm>
          <a:off x="414020" y="1303025"/>
          <a:ext cx="6340898" cy="47232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b="1" kern="1200" baseline="0" dirty="0" smtClean="0"/>
            <a:t>What about gamification? </a:t>
          </a:r>
          <a:endParaRPr lang="en-GB" sz="1600" b="1" kern="1200" dirty="0"/>
        </a:p>
      </dsp:txBody>
      <dsp:txXfrm>
        <a:off x="437077" y="1326082"/>
        <a:ext cx="6294784" cy="426206"/>
      </dsp:txXfrm>
    </dsp:sp>
    <dsp:sp modelId="{57F04BB1-DA5B-4133-9C15-CCFE1891617F}">
      <dsp:nvSpPr>
        <dsp:cNvPr id="0" name=""/>
        <dsp:cNvSpPr/>
      </dsp:nvSpPr>
      <dsp:spPr>
        <a:xfrm>
          <a:off x="0" y="2529545"/>
          <a:ext cx="8280400" cy="6678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333248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consider browser issues, VLE/LMS, and technical limitations</a:t>
          </a:r>
          <a:endParaRPr lang="en-GB" sz="1600" kern="1200" dirty="0"/>
        </a:p>
      </dsp:txBody>
      <dsp:txXfrm>
        <a:off x="0" y="2529545"/>
        <a:ext cx="8280400" cy="667800"/>
      </dsp:txXfrm>
    </dsp:sp>
    <dsp:sp modelId="{4E220C78-0065-417C-BC5A-BD451605E186}">
      <dsp:nvSpPr>
        <dsp:cNvPr id="0" name=""/>
        <dsp:cNvSpPr/>
      </dsp:nvSpPr>
      <dsp:spPr>
        <a:xfrm>
          <a:off x="414020" y="2293385"/>
          <a:ext cx="6336319" cy="47232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b="1" kern="1200" baseline="0" dirty="0" smtClean="0"/>
            <a:t>Do you use plugins? Flash player? Camtasia?</a:t>
          </a:r>
          <a:endParaRPr lang="en-GB" sz="1600" b="1" kern="1200" dirty="0"/>
        </a:p>
      </dsp:txBody>
      <dsp:txXfrm>
        <a:off x="437077" y="2316442"/>
        <a:ext cx="6290205" cy="426206"/>
      </dsp:txXfrm>
    </dsp:sp>
    <dsp:sp modelId="{B8C802F5-152B-4239-B947-6841A3DC3708}">
      <dsp:nvSpPr>
        <dsp:cNvPr id="0" name=""/>
        <dsp:cNvSpPr/>
      </dsp:nvSpPr>
      <dsp:spPr>
        <a:xfrm>
          <a:off x="0" y="3519905"/>
          <a:ext cx="8280400" cy="9072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333248" rIns="642651" bIns="113792" numCol="1" spcCol="1270" anchor="t" anchorCtr="0">
          <a:noAutofit/>
        </a:bodyPr>
        <a:lstStyle/>
        <a:p>
          <a:pPr marL="171450" lvl="1" indent="-171450" algn="l" defTabSz="7112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quizzes?</a:t>
          </a:r>
          <a:endParaRPr lang="en-GB" sz="1600" kern="1200" dirty="0"/>
        </a:p>
        <a:p>
          <a:pPr marL="171450" lvl="1" indent="-171450" algn="l" defTabSz="7112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interactive games?</a:t>
          </a:r>
          <a:endParaRPr lang="en-GB" sz="1600" kern="1200" dirty="0"/>
        </a:p>
      </dsp:txBody>
      <dsp:txXfrm>
        <a:off x="0" y="3519905"/>
        <a:ext cx="8280400" cy="907200"/>
      </dsp:txXfrm>
    </dsp:sp>
    <dsp:sp modelId="{BBF805DB-4420-4CA5-B16C-4DA430BBBA54}">
      <dsp:nvSpPr>
        <dsp:cNvPr id="0" name=""/>
        <dsp:cNvSpPr/>
      </dsp:nvSpPr>
      <dsp:spPr>
        <a:xfrm>
          <a:off x="414020" y="3283745"/>
          <a:ext cx="6336319" cy="47232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b="1" kern="1200" baseline="0" smtClean="0"/>
            <a:t>How interactive does the resource need to be?</a:t>
          </a:r>
          <a:endParaRPr lang="en-GB" sz="1600" b="1" kern="1200"/>
        </a:p>
      </dsp:txBody>
      <dsp:txXfrm>
        <a:off x="437077" y="3306802"/>
        <a:ext cx="6290205" cy="426206"/>
      </dsp:txXfrm>
    </dsp:sp>
    <dsp:sp modelId="{F3E508E7-FA15-41FB-A244-E2CE47F6F53C}">
      <dsp:nvSpPr>
        <dsp:cNvPr id="0" name=""/>
        <dsp:cNvSpPr/>
      </dsp:nvSpPr>
      <dsp:spPr>
        <a:xfrm>
          <a:off x="0" y="4802783"/>
          <a:ext cx="8280400" cy="6678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333248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dirty="0" smtClean="0"/>
            <a:t>what looks good on PC, may not work at all on a smartphone!</a:t>
          </a:r>
          <a:endParaRPr lang="en-GB" sz="1600" kern="1200" dirty="0"/>
        </a:p>
      </dsp:txBody>
      <dsp:txXfrm>
        <a:off x="0" y="4802783"/>
        <a:ext cx="8280400" cy="667800"/>
      </dsp:txXfrm>
    </dsp:sp>
    <dsp:sp modelId="{345E5638-5F8C-4429-84EA-C42BD741E7C0}">
      <dsp:nvSpPr>
        <dsp:cNvPr id="0" name=""/>
        <dsp:cNvSpPr/>
      </dsp:nvSpPr>
      <dsp:spPr>
        <a:xfrm>
          <a:off x="451828" y="4494169"/>
          <a:ext cx="6336377" cy="47232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7112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600" b="1" kern="1200" baseline="0" dirty="0" smtClean="0"/>
            <a:t>Mobile device compatibility is a must! </a:t>
          </a:r>
          <a:endParaRPr lang="en-GB" sz="1600" b="1" kern="1200" dirty="0"/>
        </a:p>
      </dsp:txBody>
      <dsp:txXfrm>
        <a:off x="474885" y="4517226"/>
        <a:ext cx="6290263" cy="426206"/>
      </dsp:txXfrm>
    </dsp:sp>
  </dsp:spTree>
</dsp:drawing>
</file>

<file path=ppt/diagrams/drawing7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4ED5A5B-5FAC-4519-936B-2F8DF66C2163}">
      <dsp:nvSpPr>
        <dsp:cNvPr id="0" name=""/>
        <dsp:cNvSpPr/>
      </dsp:nvSpPr>
      <dsp:spPr>
        <a:xfrm rot="16200000">
          <a:off x="-755236" y="756247"/>
          <a:ext cx="4140552" cy="2628056"/>
        </a:xfrm>
        <a:prstGeom prst="flowChartManualOperation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139700" tIns="0" rIns="138906" bIns="0" numCol="1" spcCol="1270" anchor="t" anchorCtr="0">
          <a:noAutofit/>
        </a:bodyPr>
        <a:lstStyle/>
        <a:p>
          <a:pPr lvl="0" algn="l" defTabSz="9779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200" kern="1200" baseline="0" dirty="0" smtClean="0"/>
            <a:t>Closed or open? How accessible do you want to be?</a:t>
          </a:r>
          <a:endParaRPr lang="en-GB" sz="2200" kern="1200" dirty="0"/>
        </a:p>
        <a:p>
          <a:pPr marL="171450" lvl="1" indent="-171450" algn="l" defTabSz="75565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700" kern="1200" dirty="0" smtClean="0"/>
            <a:t>institutional VLE (LMS) like Moodle or Blackboard</a:t>
          </a:r>
          <a:endParaRPr lang="en-GB" sz="1700" kern="1200" dirty="0"/>
        </a:p>
        <a:p>
          <a:pPr marL="171450" lvl="1" indent="-171450" algn="l" defTabSz="75565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700" kern="1200" smtClean="0"/>
            <a:t>open web site</a:t>
          </a:r>
          <a:br>
            <a:rPr lang="en-GB" sz="1700" kern="1200" smtClean="0"/>
          </a:br>
          <a:endParaRPr lang="en-GB" sz="1700" kern="1200"/>
        </a:p>
      </dsp:txBody>
      <dsp:txXfrm rot="5400000">
        <a:off x="1012" y="828109"/>
        <a:ext cx="2628056" cy="2484332"/>
      </dsp:txXfrm>
    </dsp:sp>
    <dsp:sp modelId="{364FBBF6-F0BD-4B7B-B130-B8452B7AFC1E}">
      <dsp:nvSpPr>
        <dsp:cNvPr id="0" name=""/>
        <dsp:cNvSpPr/>
      </dsp:nvSpPr>
      <dsp:spPr>
        <a:xfrm rot="16200000">
          <a:off x="2069923" y="756247"/>
          <a:ext cx="4140552" cy="2628056"/>
        </a:xfrm>
        <a:prstGeom prst="flowChartManualOperation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139700" tIns="0" rIns="138906" bIns="0" numCol="1" spcCol="1270" anchor="ctr" anchorCtr="0">
          <a:noAutofit/>
        </a:bodyPr>
        <a:lstStyle/>
        <a:p>
          <a:pPr lvl="0" algn="ctr" defTabSz="9779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200" kern="1200" baseline="0" dirty="0" smtClean="0"/>
            <a:t>Do you </a:t>
          </a:r>
          <a:r>
            <a:rPr lang="en-GB" sz="2200" kern="1200" baseline="0" dirty="0" smtClean="0">
              <a:solidFill>
                <a:srgbClr val="FF0000"/>
              </a:solidFill>
            </a:rPr>
            <a:t>REALLY</a:t>
          </a:r>
          <a:r>
            <a:rPr lang="en-GB" sz="2200" kern="1200" baseline="0" dirty="0" smtClean="0"/>
            <a:t> need a login? Users are easily deterred!</a:t>
          </a:r>
          <a:br>
            <a:rPr lang="en-GB" sz="2200" kern="1200" baseline="0" dirty="0" smtClean="0"/>
          </a:br>
          <a:endParaRPr lang="en-GB" sz="2200" kern="1200" dirty="0"/>
        </a:p>
      </dsp:txBody>
      <dsp:txXfrm rot="5400000">
        <a:off x="2826171" y="828109"/>
        <a:ext cx="2628056" cy="2484332"/>
      </dsp:txXfrm>
    </dsp:sp>
    <dsp:sp modelId="{B032216B-D84A-492F-B9EB-76D9F0D329AB}">
      <dsp:nvSpPr>
        <dsp:cNvPr id="0" name=""/>
        <dsp:cNvSpPr/>
      </dsp:nvSpPr>
      <dsp:spPr>
        <a:xfrm rot="16200000">
          <a:off x="4895084" y="756247"/>
          <a:ext cx="4140552" cy="2628056"/>
        </a:xfrm>
        <a:prstGeom prst="flowChartManualOperation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139700" tIns="0" rIns="138906" bIns="0" numCol="1" spcCol="1270" anchor="ctr" anchorCtr="0">
          <a:noAutofit/>
        </a:bodyPr>
        <a:lstStyle/>
        <a:p>
          <a:pPr lvl="0" algn="ctr" defTabSz="9779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200" kern="1200" baseline="0" smtClean="0"/>
            <a:t>Shared server - not a good idea. Think of peaks in user demand </a:t>
          </a:r>
          <a:endParaRPr lang="en-GB" sz="2200" kern="1200"/>
        </a:p>
      </dsp:txBody>
      <dsp:txXfrm rot="5400000">
        <a:off x="5651332" y="828109"/>
        <a:ext cx="2628056" cy="2484332"/>
      </dsp:txXfrm>
    </dsp:sp>
  </dsp:spTree>
</dsp:drawing>
</file>

<file path=ppt/diagrams/drawing8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36490AEF-CC71-4725-931B-89A5DFD3D858}">
      <dsp:nvSpPr>
        <dsp:cNvPr id="0" name=""/>
        <dsp:cNvSpPr/>
      </dsp:nvSpPr>
      <dsp:spPr>
        <a:xfrm>
          <a:off x="0" y="198246"/>
          <a:ext cx="8280400" cy="52447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87452" rIns="642651" bIns="113792" numCol="1" spcCol="1270" anchor="t" anchorCtr="0">
          <a:noAutofit/>
        </a:bodyPr>
        <a:lstStyle/>
        <a:p>
          <a:pPr marL="171450" lvl="1" indent="-171450" algn="l" defTabSz="7112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baseline="0" dirty="0" smtClean="0"/>
            <a:t>usability, IL skills developed, or both!</a:t>
          </a:r>
          <a:endParaRPr lang="en-GB" sz="1600" kern="1200" dirty="0"/>
        </a:p>
      </dsp:txBody>
      <dsp:txXfrm>
        <a:off x="0" y="198246"/>
        <a:ext cx="8280400" cy="524475"/>
      </dsp:txXfrm>
    </dsp:sp>
    <dsp:sp modelId="{75F2836F-5803-409F-AA35-40275D81F7BE}">
      <dsp:nvSpPr>
        <dsp:cNvPr id="0" name=""/>
        <dsp:cNvSpPr/>
      </dsp:nvSpPr>
      <dsp:spPr>
        <a:xfrm>
          <a:off x="414020" y="37801"/>
          <a:ext cx="5796280" cy="2656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Decide what you are testing! </a:t>
          </a:r>
          <a:endParaRPr lang="en-GB" sz="1400" kern="1200" dirty="0"/>
        </a:p>
      </dsp:txBody>
      <dsp:txXfrm>
        <a:off x="426989" y="50770"/>
        <a:ext cx="5770342" cy="239742"/>
      </dsp:txXfrm>
    </dsp:sp>
    <dsp:sp modelId="{DAA701F8-05A7-47AC-97A4-7C10AA2A5628}">
      <dsp:nvSpPr>
        <dsp:cNvPr id="0" name=""/>
        <dsp:cNvSpPr/>
      </dsp:nvSpPr>
      <dsp:spPr>
        <a:xfrm>
          <a:off x="0" y="876556"/>
          <a:ext cx="8280400" cy="52447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87452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baseline="0" dirty="0" smtClean="0"/>
            <a:t>keep detailed notes</a:t>
          </a:r>
          <a:endParaRPr lang="en-GB" sz="1600" kern="1200" dirty="0"/>
        </a:p>
      </dsp:txBody>
      <dsp:txXfrm>
        <a:off x="0" y="876556"/>
        <a:ext cx="8280400" cy="524475"/>
      </dsp:txXfrm>
    </dsp:sp>
    <dsp:sp modelId="{03CA3B71-1743-42A9-B251-FA1B609AE65F}">
      <dsp:nvSpPr>
        <dsp:cNvPr id="0" name=""/>
        <dsp:cNvSpPr/>
      </dsp:nvSpPr>
      <dsp:spPr>
        <a:xfrm>
          <a:off x="414020" y="743716"/>
          <a:ext cx="5796280" cy="2656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Feedback</a:t>
          </a:r>
          <a:endParaRPr lang="en-GB" sz="1400" kern="1200" dirty="0"/>
        </a:p>
      </dsp:txBody>
      <dsp:txXfrm>
        <a:off x="426989" y="756685"/>
        <a:ext cx="5770342" cy="239742"/>
      </dsp:txXfrm>
    </dsp:sp>
    <dsp:sp modelId="{5D3F5C7B-A4DB-4425-BB4F-C10FB773CD8C}">
      <dsp:nvSpPr>
        <dsp:cNvPr id="0" name=""/>
        <dsp:cNvSpPr/>
      </dsp:nvSpPr>
      <dsp:spPr>
        <a:xfrm>
          <a:off x="0" y="1582471"/>
          <a:ext cx="8280400" cy="76545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87452" rIns="642651" bIns="113792" numCol="1" spcCol="1270" anchor="t" anchorCtr="0">
          <a:noAutofit/>
        </a:bodyPr>
        <a:lstStyle/>
        <a:p>
          <a:pPr marL="171450" lvl="1" indent="-171450" algn="l" defTabSz="7112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baseline="0" dirty="0" smtClean="0"/>
            <a:t>select range of differently abled users with various language skills. </a:t>
          </a:r>
          <a:endParaRPr lang="en-GB" sz="1600" kern="1200" dirty="0"/>
        </a:p>
        <a:p>
          <a:pPr marL="171450" lvl="1" indent="-171450" algn="l" defTabSz="7112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baseline="0" dirty="0" smtClean="0"/>
            <a:t>test on as many different devices as possible</a:t>
          </a:r>
          <a:endParaRPr lang="en-GB" sz="1600" kern="1200" dirty="0"/>
        </a:p>
      </dsp:txBody>
      <dsp:txXfrm>
        <a:off x="0" y="1582471"/>
        <a:ext cx="8280400" cy="765450"/>
      </dsp:txXfrm>
    </dsp:sp>
    <dsp:sp modelId="{81BCB115-B137-4744-9287-60F0DCFA05BE}">
      <dsp:nvSpPr>
        <dsp:cNvPr id="0" name=""/>
        <dsp:cNvSpPr/>
      </dsp:nvSpPr>
      <dsp:spPr>
        <a:xfrm>
          <a:off x="414020" y="1449631"/>
          <a:ext cx="5796280" cy="2656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User testing in labs</a:t>
          </a:r>
          <a:endParaRPr lang="en-GB" sz="1400" kern="1200" dirty="0"/>
        </a:p>
      </dsp:txBody>
      <dsp:txXfrm>
        <a:off x="426989" y="1462600"/>
        <a:ext cx="5770342" cy="239742"/>
      </dsp:txXfrm>
    </dsp:sp>
    <dsp:sp modelId="{11D3D167-396E-4410-BA8E-C1E22DA7AE42}">
      <dsp:nvSpPr>
        <dsp:cNvPr id="0" name=""/>
        <dsp:cNvSpPr/>
      </dsp:nvSpPr>
      <dsp:spPr>
        <a:xfrm>
          <a:off x="0" y="2529361"/>
          <a:ext cx="8280400" cy="52447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87452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baseline="0" dirty="0" smtClean="0"/>
            <a:t>good for qualitative feedback</a:t>
          </a:r>
          <a:endParaRPr lang="en-GB" sz="1600" kern="1200" dirty="0"/>
        </a:p>
      </dsp:txBody>
      <dsp:txXfrm>
        <a:off x="0" y="2529361"/>
        <a:ext cx="8280400" cy="524475"/>
      </dsp:txXfrm>
    </dsp:sp>
    <dsp:sp modelId="{CAACB2D2-EE65-4E49-BC7B-F4AEE505C9ED}">
      <dsp:nvSpPr>
        <dsp:cNvPr id="0" name=""/>
        <dsp:cNvSpPr/>
      </dsp:nvSpPr>
      <dsp:spPr>
        <a:xfrm>
          <a:off x="414020" y="2396521"/>
          <a:ext cx="5796280" cy="2656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Focus groups</a:t>
          </a:r>
          <a:endParaRPr lang="en-GB" sz="1400" kern="1200" dirty="0"/>
        </a:p>
      </dsp:txBody>
      <dsp:txXfrm>
        <a:off x="426989" y="2409490"/>
        <a:ext cx="5770342" cy="239742"/>
      </dsp:txXfrm>
    </dsp:sp>
    <dsp:sp modelId="{FB181DD8-2187-4B4D-9EA2-7283D894F76C}">
      <dsp:nvSpPr>
        <dsp:cNvPr id="0" name=""/>
        <dsp:cNvSpPr/>
      </dsp:nvSpPr>
      <dsp:spPr>
        <a:xfrm>
          <a:off x="0" y="3235276"/>
          <a:ext cx="8280400" cy="52447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87452" rIns="642651" bIns="113792" numCol="1" spcCol="1270" anchor="t" anchorCtr="0">
          <a:noAutofit/>
        </a:bodyPr>
        <a:lstStyle/>
        <a:p>
          <a:pPr marL="171450" lvl="1" indent="-171450" algn="l" defTabSz="7112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baseline="0" dirty="0" smtClean="0"/>
            <a:t>keep them short! Check institutional policy. Consider paper surveys!</a:t>
          </a:r>
          <a:endParaRPr lang="en-GB" sz="1400" kern="1200" dirty="0"/>
        </a:p>
      </dsp:txBody>
      <dsp:txXfrm>
        <a:off x="0" y="3235276"/>
        <a:ext cx="8280400" cy="524475"/>
      </dsp:txXfrm>
    </dsp:sp>
    <dsp:sp modelId="{9EA3BA43-0E51-4824-B35A-EDA624141323}">
      <dsp:nvSpPr>
        <dsp:cNvPr id="0" name=""/>
        <dsp:cNvSpPr/>
      </dsp:nvSpPr>
      <dsp:spPr>
        <a:xfrm>
          <a:off x="414020" y="3102436"/>
          <a:ext cx="5796280" cy="2656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Surveys</a:t>
          </a:r>
          <a:endParaRPr lang="en-GB" sz="1400" kern="1200" dirty="0"/>
        </a:p>
      </dsp:txBody>
      <dsp:txXfrm>
        <a:off x="426989" y="3115405"/>
        <a:ext cx="5770342" cy="239742"/>
      </dsp:txXfrm>
    </dsp:sp>
    <dsp:sp modelId="{055F1316-9C42-4AAD-BE5B-418619C75AC8}">
      <dsp:nvSpPr>
        <dsp:cNvPr id="0" name=""/>
        <dsp:cNvSpPr/>
      </dsp:nvSpPr>
      <dsp:spPr>
        <a:xfrm>
          <a:off x="0" y="3966647"/>
          <a:ext cx="8280400" cy="52447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87452" rIns="642651" bIns="113792" numCol="1" spcCol="1270" anchor="t" anchorCtr="0">
          <a:noAutofit/>
        </a:bodyPr>
        <a:lstStyle/>
        <a:p>
          <a:pPr marL="171450" lvl="1" indent="-171450" algn="l" defTabSz="7112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baseline="0" dirty="0" smtClean="0"/>
            <a:t>or inform users why</a:t>
          </a:r>
          <a:endParaRPr lang="en-GB" sz="1400" kern="1200" dirty="0"/>
        </a:p>
      </dsp:txBody>
      <dsp:txXfrm>
        <a:off x="0" y="3966647"/>
        <a:ext cx="8280400" cy="524475"/>
      </dsp:txXfrm>
    </dsp:sp>
    <dsp:sp modelId="{76E94E1D-73FD-4D47-9522-044383E86E60}">
      <dsp:nvSpPr>
        <dsp:cNvPr id="0" name=""/>
        <dsp:cNvSpPr/>
      </dsp:nvSpPr>
      <dsp:spPr>
        <a:xfrm>
          <a:off x="414020" y="3808351"/>
          <a:ext cx="5796280" cy="2656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Implement changes fast</a:t>
          </a:r>
          <a:endParaRPr lang="en-GB" sz="1400" kern="1200" dirty="0"/>
        </a:p>
      </dsp:txBody>
      <dsp:txXfrm>
        <a:off x="426989" y="3821320"/>
        <a:ext cx="5770342" cy="239742"/>
      </dsp:txXfrm>
    </dsp:sp>
    <dsp:sp modelId="{1AE15098-41D9-498B-9979-4CE01FF69312}">
      <dsp:nvSpPr>
        <dsp:cNvPr id="0" name=""/>
        <dsp:cNvSpPr/>
      </dsp:nvSpPr>
      <dsp:spPr>
        <a:xfrm>
          <a:off x="0" y="4647105"/>
          <a:ext cx="8280400" cy="52447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2651" tIns="187452" rIns="642651" bIns="113792" numCol="1" spcCol="1270" anchor="t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GB" sz="1600" kern="1200" baseline="0" dirty="0" smtClean="0"/>
            <a:t>pilot phase, inevitable delays, and revision</a:t>
          </a:r>
          <a:endParaRPr lang="en-GB" sz="1400" kern="1200" dirty="0"/>
        </a:p>
      </dsp:txBody>
      <dsp:txXfrm>
        <a:off x="0" y="4647105"/>
        <a:ext cx="8280400" cy="524475"/>
      </dsp:txXfrm>
    </dsp:sp>
    <dsp:sp modelId="{16298060-84B0-4637-A7A7-7A876A777B2A}">
      <dsp:nvSpPr>
        <dsp:cNvPr id="0" name=""/>
        <dsp:cNvSpPr/>
      </dsp:nvSpPr>
      <dsp:spPr>
        <a:xfrm>
          <a:off x="414020" y="4514266"/>
          <a:ext cx="5796280" cy="265680"/>
        </a:xfrm>
        <a:prstGeom prst="round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9086" tIns="0" rIns="219086" bIns="0" numCol="1" spcCol="1270" anchor="ctr" anchorCtr="0">
          <a:noAutofit/>
        </a:bodyPr>
        <a:lstStyle/>
        <a:p>
          <a:pPr lvl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1400" b="1" kern="1200" baseline="0" dirty="0" smtClean="0"/>
            <a:t>Allow time in project plan for:</a:t>
          </a:r>
          <a:endParaRPr lang="en-GB" sz="1400" kern="1200" dirty="0"/>
        </a:p>
      </dsp:txBody>
      <dsp:txXfrm>
        <a:off x="426989" y="4527235"/>
        <a:ext cx="5770342" cy="239742"/>
      </dsp:txXfrm>
    </dsp:sp>
  </dsp:spTree>
</dsp:drawing>
</file>

<file path=ppt/diagrams/drawing9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953D1CC7-F0ED-4BFE-A7D4-BABF5110B4F5}">
      <dsp:nvSpPr>
        <dsp:cNvPr id="0" name=""/>
        <dsp:cNvSpPr/>
      </dsp:nvSpPr>
      <dsp:spPr>
        <a:xfrm>
          <a:off x="1338" y="1919"/>
          <a:ext cx="8277723" cy="2138140"/>
        </a:xfrm>
        <a:prstGeom prst="roundRect">
          <a:avLst>
            <a:gd name="adj" fmla="val 10000"/>
          </a:avLst>
        </a:prstGeom>
        <a:solidFill>
          <a:schemeClr val="accent2">
            <a:shade val="6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160020" tIns="160020" rIns="160020" bIns="160020" numCol="1" spcCol="1270" anchor="ctr" anchorCtr="0">
          <a:noAutofit/>
        </a:bodyPr>
        <a:lstStyle/>
        <a:p>
          <a:pPr lvl="0" algn="ctr" defTabSz="186690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4200" kern="1200" dirty="0" smtClean="0"/>
            <a:t>Wide uptake follows adoption into institutional policy. This forces formal timetabling.</a:t>
          </a:r>
          <a:endParaRPr lang="en-GB" sz="4200" kern="1200" dirty="0"/>
        </a:p>
      </dsp:txBody>
      <dsp:txXfrm>
        <a:off x="63962" y="64543"/>
        <a:ext cx="8152475" cy="2012892"/>
      </dsp:txXfrm>
    </dsp:sp>
    <dsp:sp modelId="{D6A9438A-0C4A-4548-BC2C-54FFBE5E222D}">
      <dsp:nvSpPr>
        <dsp:cNvPr id="0" name=""/>
        <dsp:cNvSpPr/>
      </dsp:nvSpPr>
      <dsp:spPr>
        <a:xfrm>
          <a:off x="1338" y="2360363"/>
          <a:ext cx="1946783" cy="2138140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87630" tIns="87630" rIns="87630" bIns="87630" numCol="1" spcCol="1270" anchor="ctr" anchorCtr="0">
          <a:noAutofit/>
        </a:bodyPr>
        <a:lstStyle/>
        <a:p>
          <a:pPr lvl="0" algn="ctr" defTabSz="10223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300" kern="1200" dirty="0" smtClean="0"/>
            <a:t>Module structure: </a:t>
          </a:r>
          <a:br>
            <a:rPr lang="en-GB" sz="2300" kern="1200" dirty="0" smtClean="0"/>
          </a:br>
          <a:r>
            <a:rPr lang="en-GB" sz="2300" kern="1200" dirty="0" smtClean="0"/>
            <a:t>- long thin </a:t>
          </a:r>
          <a:br>
            <a:rPr lang="en-GB" sz="2300" kern="1200" dirty="0" smtClean="0"/>
          </a:br>
          <a:r>
            <a:rPr lang="en-GB" sz="2300" kern="1200" dirty="0" smtClean="0"/>
            <a:t>- short fat?</a:t>
          </a:r>
          <a:endParaRPr lang="en-GB" sz="2300" kern="1200" dirty="0"/>
        </a:p>
      </dsp:txBody>
      <dsp:txXfrm>
        <a:off x="58357" y="2417382"/>
        <a:ext cx="1832745" cy="2024102"/>
      </dsp:txXfrm>
    </dsp:sp>
    <dsp:sp modelId="{08225DFA-F3E0-4971-8A09-E73E8C6A3FCA}">
      <dsp:nvSpPr>
        <dsp:cNvPr id="0" name=""/>
        <dsp:cNvSpPr/>
      </dsp:nvSpPr>
      <dsp:spPr>
        <a:xfrm>
          <a:off x="2111651" y="2360363"/>
          <a:ext cx="1946783" cy="2138140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87630" tIns="87630" rIns="87630" bIns="87630" numCol="1" spcCol="1270" anchor="ctr" anchorCtr="0">
          <a:noAutofit/>
        </a:bodyPr>
        <a:lstStyle/>
        <a:p>
          <a:pPr lvl="0" algn="ctr" defTabSz="10223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300" kern="1200" dirty="0" smtClean="0"/>
            <a:t>Online only, hybrid or face to face. Hybrid best (Williams)</a:t>
          </a:r>
          <a:endParaRPr lang="en-GB" sz="2300" kern="1200" dirty="0"/>
        </a:p>
      </dsp:txBody>
      <dsp:txXfrm>
        <a:off x="2168670" y="2417382"/>
        <a:ext cx="1832745" cy="2024102"/>
      </dsp:txXfrm>
    </dsp:sp>
    <dsp:sp modelId="{8C4A6D9F-2B19-4B2D-BFE7-B02B478F0F96}">
      <dsp:nvSpPr>
        <dsp:cNvPr id="0" name=""/>
        <dsp:cNvSpPr/>
      </dsp:nvSpPr>
      <dsp:spPr>
        <a:xfrm>
          <a:off x="4221964" y="2360363"/>
          <a:ext cx="1946783" cy="2138140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87630" tIns="87630" rIns="87630" bIns="87630" numCol="1" spcCol="1270" anchor="ctr" anchorCtr="0">
          <a:noAutofit/>
        </a:bodyPr>
        <a:lstStyle/>
        <a:p>
          <a:pPr lvl="0" algn="ctr" defTabSz="10223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300" kern="1200" dirty="0" smtClean="0"/>
            <a:t>How to assess? </a:t>
          </a:r>
          <a:br>
            <a:rPr lang="en-GB" sz="2300" kern="1200" dirty="0" smtClean="0"/>
          </a:br>
          <a:r>
            <a:rPr lang="en-GB" sz="2300" kern="1200" dirty="0" smtClean="0"/>
            <a:t>- quizzes </a:t>
          </a:r>
          <a:br>
            <a:rPr lang="en-GB" sz="2300" kern="1200" dirty="0" smtClean="0"/>
          </a:br>
          <a:r>
            <a:rPr lang="en-GB" sz="2300" kern="1200" dirty="0" smtClean="0"/>
            <a:t>-automatic grading? </a:t>
          </a:r>
          <a:endParaRPr lang="en-GB" sz="2300" kern="1200" dirty="0"/>
        </a:p>
      </dsp:txBody>
      <dsp:txXfrm>
        <a:off x="4278983" y="2417382"/>
        <a:ext cx="1832745" cy="2024102"/>
      </dsp:txXfrm>
    </dsp:sp>
    <dsp:sp modelId="{24DC60B5-5915-4782-BD57-4ACD5BECFFBD}">
      <dsp:nvSpPr>
        <dsp:cNvPr id="0" name=""/>
        <dsp:cNvSpPr/>
      </dsp:nvSpPr>
      <dsp:spPr>
        <a:xfrm>
          <a:off x="6332278" y="2360363"/>
          <a:ext cx="1946783" cy="2138140"/>
        </a:xfrm>
        <a:prstGeom prst="roundRect">
          <a:avLst>
            <a:gd name="adj" fmla="val 10000"/>
          </a:avLst>
        </a:prstGeom>
        <a:solidFill>
          <a:schemeClr val="accent2">
            <a:shade val="80000"/>
            <a:hueOff val="0"/>
            <a:satOff val="0"/>
            <a:lumOff val="0"/>
            <a:alphaOff val="0"/>
          </a:schemeClr>
        </a:soli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>
            <a:rot lat="0" lon="0" rev="0"/>
          </a:camera>
          <a:lightRig rig="contrasting" dir="t">
            <a:rot lat="0" lon="0" rev="1200000"/>
          </a:lightRig>
        </a:scene3d>
        <a:sp3d contourW="19050" prstMaterial="metal">
          <a:bevelT w="88900" h="203200"/>
          <a:bevelB w="165100" h="254000"/>
        </a:sp3d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87630" tIns="87630" rIns="87630" bIns="87630" numCol="1" spcCol="1270" anchor="ctr" anchorCtr="0">
          <a:noAutofit/>
        </a:bodyPr>
        <a:lstStyle/>
        <a:p>
          <a:pPr lvl="0" algn="ctr" defTabSz="1022350" rtl="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GB" sz="2300" kern="1200" dirty="0" smtClean="0"/>
            <a:t>What are you assessing?</a:t>
          </a:r>
          <a:br>
            <a:rPr lang="en-GB" sz="2300" kern="1200" dirty="0" smtClean="0"/>
          </a:br>
          <a:r>
            <a:rPr lang="en-GB" sz="2300" kern="1200" dirty="0" smtClean="0"/>
            <a:t>- IL skills </a:t>
          </a:r>
          <a:br>
            <a:rPr lang="en-GB" sz="2300" kern="1200" dirty="0" smtClean="0"/>
          </a:br>
          <a:r>
            <a:rPr lang="en-GB" sz="2300" kern="1200" dirty="0" smtClean="0"/>
            <a:t>- usability</a:t>
          </a:r>
          <a:endParaRPr lang="en-GB" sz="2300" kern="1200" dirty="0"/>
        </a:p>
      </dsp:txBody>
      <dsp:txXfrm>
        <a:off x="6389297" y="2417382"/>
        <a:ext cx="1832745" cy="2024102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gear1">
  <dgm:title val=""/>
  <dgm:desc val=""/>
  <dgm:catLst>
    <dgm:cat type="relationship" pri="3000"/>
    <dgm:cat type="process" pri="28000"/>
    <dgm:cat type="cycle" pri="14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 useDef="1">
    <dgm:dataModel>
      <dgm:ptLst/>
      <dgm:bg/>
      <dgm:whole/>
    </dgm:dataModel>
  </dgm:clrData>
  <dgm:layoutNode name="composite">
    <dgm:varLst>
      <dgm:chMax val="3"/>
      <dgm:animLvl val="lvl"/>
      <dgm:resizeHandles val="exact"/>
    </dgm:varLst>
    <dgm:alg type="composite">
      <dgm:param type="ar" val="1"/>
    </dgm:alg>
    <dgm:shape xmlns:r="http://schemas.openxmlformats.org/officeDocument/2006/relationships" r:blip="">
      <dgm:adjLst/>
    </dgm:shape>
    <dgm:presOf/>
    <dgm:choose name="Name0">
      <dgm:if name="Name1" axis="ch" ptType="node" func="cnt" op="lte" val="1">
        <dgm:constrLst>
          <dgm:constr type="primFontSz" for="ch" ptType="node" op="equ" val="65"/>
          <dgm:constr type="w" for="ch" forName="gear1" refType="w" fact="0.55"/>
          <dgm:constr type="h" for="ch" forName="gear1" refType="w" fact="0.55"/>
          <dgm:constr type="l" for="ch" forName="gear1" refType="w" fact="0.05"/>
          <dgm:constr type="t" for="ch" forName="gear1" refType="w" fact="0.05"/>
          <dgm:constr type="w" for="ch" forName="gear1srcNode" val="1"/>
          <dgm:constr type="h" for="ch" forName="gear1srcNode" val="1"/>
          <dgm:constr type="l" for="ch" forName="gear1srcNode" refType="w" fact="0.32"/>
          <dgm:constr type="t" for="ch" forName="gear1srcNode"/>
          <dgm:constr type="w" for="ch" forName="gear1dstNode" val="1"/>
          <dgm:constr type="h" for="ch" forName="gear1dstNode" val="1"/>
          <dgm:constr type="r" for="ch" forName="gear1dstNode" refType="w" fact="0.58"/>
          <dgm:constr type="t" for="ch" forName="gear1dstNode" refType="h" fact="0.55"/>
          <dgm:constr type="diam" for="des" forName="connector1" refType="w" refFor="ch" refForName="gear1" op="equ" fact="1.1"/>
          <dgm:constr type="h" for="des" forName="connector1" refType="w" refFor="ch" refForName="gear1" op="equ" fact="0.1"/>
          <dgm:constr type="w" for="ch" forName="gear1ch" refType="w" fact="0.35"/>
          <dgm:constr type="h" for="ch" forName="gear1ch" refType="w" refFor="ch" refForName="gear1ch" fact="0.6"/>
          <dgm:constr type="l" for="ch" forName="gear1ch"/>
          <dgm:constr type="b" for="ch" forName="gear1ch" refType="h" fact="0.6"/>
        </dgm:constrLst>
      </dgm:if>
      <dgm:if name="Name2" axis="ch" ptType="node" func="cnt" op="equ" val="2">
        <dgm:constrLst>
          <dgm:constr type="primFontSz" for="ch" ptType="node" op="equ" val="65"/>
          <dgm:constr type="w" for="ch" forName="gear1" refType="w" fact="0.55"/>
          <dgm:constr type="h" for="ch" forName="gear1" refType="w" fact="0.55"/>
          <dgm:constr type="l" for="ch" forName="gear1" refType="w" fact="0.45"/>
          <dgm:constr type="t" for="ch" forName="gear1" refType="w" fact="0.25"/>
          <dgm:constr type="w" for="ch" forName="gear1srcNode" val="1"/>
          <dgm:constr type="h" for="ch" forName="gear1srcNode" val="1"/>
          <dgm:constr type="l" for="ch" forName="gear1srcNode" refType="w" fact="0.72"/>
          <dgm:constr type="t" for="ch" forName="gear1srcNode" refType="w" fact="0.2"/>
          <dgm:constr type="w" for="ch" forName="gear1dstNode" val="1"/>
          <dgm:constr type="h" for="ch" forName="gear1dstNode" val="1"/>
          <dgm:constr type="r" for="ch" forName="gear1dstNode" refType="w" fact="0.98"/>
          <dgm:constr type="t" for="ch" forName="gear1dstNode" refType="h" fact="0.75"/>
          <dgm:constr type="diam" for="des" forName="connector1" refType="w" refFor="ch" refForName="gear1" op="equ" fact="1.1"/>
          <dgm:constr type="h" for="des" forName="connector1" refType="w" refFor="ch" refForName="gear1" op="equ" fact="0.1"/>
          <dgm:constr type="w" for="ch" forName="gear1ch" refType="w" fact="0.35"/>
          <dgm:constr type="h" for="ch" forName="gear1ch" refType="w" refFor="ch" refForName="gear1ch" fact="0.6"/>
          <dgm:constr type="l" for="ch" forName="gear1ch" refType="w" fact="0.38"/>
          <dgm:constr type="b" for="ch" forName="gear1ch" refType="w" fact="0.8"/>
          <dgm:constr type="w" for="ch" forName="gear2" refType="w" fact="0.4"/>
          <dgm:constr type="h" for="ch" forName="gear2" refType="w" fact="0.4"/>
          <dgm:constr type="l" for="ch" forName="gear2" refType="w" fact="0.13"/>
          <dgm:constr type="t" for="ch" forName="gear2" refType="w" fact="0.12"/>
          <dgm:constr type="w" for="ch" forName="gear2srcNode" val="1"/>
          <dgm:constr type="h" for="ch" forName="gear2srcNode" val="1"/>
          <dgm:constr type="l" for="ch" forName="gear2srcNode" refType="w" fact="0.23"/>
          <dgm:constr type="t" for="ch" forName="gear2srcNode" refType="w" fact="0.08"/>
          <dgm:constr type="w" for="ch" forName="gear2dstNode" val="1"/>
          <dgm:constr type="h" for="ch" forName="gear2dstNode" val="1"/>
          <dgm:constr type="l" for="ch" forName="gear2dstNode" refType="w" fact="0.1"/>
          <dgm:constr type="t" for="ch" forName="gear2dstNode" refType="h" fact="0.33"/>
          <dgm:constr type="diam" for="des" forName="connector2" refType="w" refFor="ch" refForName="gear2" op="equ" fact="-1.1"/>
          <dgm:constr type="h" for="des" forName="connector2" refType="w" refFor="ch" refForName="gear1" op="equ" fact="0.1"/>
          <dgm:constr type="w" for="ch" forName="gear2ch" refType="w" fact="0.35"/>
          <dgm:constr type="h" for="ch" forName="gear2ch" refType="w" refFor="ch" refForName="gear2ch" fact="0.6"/>
          <dgm:constr type="l" for="ch" forName="gear2ch" refType="w" fact="0.34"/>
          <dgm:constr type="t" for="ch" forName="gear2ch" refType="w" fact="0.04"/>
        </dgm:constrLst>
      </dgm:if>
      <dgm:else name="Name3">
        <dgm:constrLst>
          <dgm:constr type="primFontSz" for="ch" ptType="node" op="equ" val="65"/>
          <dgm:constr type="w" for="ch" forName="gear1" refType="w" fact="0.55"/>
          <dgm:constr type="h" for="ch" forName="gear1" refType="w" fact="0.55"/>
          <dgm:constr type="l" for="ch" forName="gear1" refType="w" fact="0.45"/>
          <dgm:constr type="t" for="ch" forName="gear1" refType="w" fact="0.45"/>
          <dgm:constr type="w" for="ch" forName="gear1srcNode" val="1"/>
          <dgm:constr type="h" for="ch" forName="gear1srcNode" val="1"/>
          <dgm:constr type="l" for="ch" forName="gear1srcNode" refType="w" fact="0.72"/>
          <dgm:constr type="t" for="ch" forName="gear1srcNode" refType="w" fact="0.4"/>
          <dgm:constr type="w" for="ch" forName="gear1dstNode" val="1"/>
          <dgm:constr type="h" for="ch" forName="gear1dstNode" val="1"/>
          <dgm:constr type="r" for="ch" forName="gear1dstNode" refType="w" fact="0.98"/>
          <dgm:constr type="t" for="ch" forName="gear1dstNode" refType="h" fact="0.95"/>
          <dgm:constr type="diam" for="des" forName="connector1" refType="w" refFor="ch" refForName="gear1" op="equ" fact="1.15"/>
          <dgm:constr type="h" for="des" forName="connector1" refType="w" refFor="ch" refForName="gear1" op="equ" fact="0.1"/>
          <dgm:constr type="w" for="ch" forName="gear1ch" refType="w" fact="0.35"/>
          <dgm:constr type="h" for="ch" forName="gear1ch" refType="w" refFor="ch" refForName="gear1ch" fact="0.6"/>
          <dgm:constr type="l" for="ch" forName="gear1ch" refType="w" fact="0.38"/>
          <dgm:constr type="b" for="ch" forName="gear1ch" refType="h"/>
          <dgm:constr type="w" for="ch" forName="gear2" refType="w" fact="0.4"/>
          <dgm:constr type="h" for="ch" forName="gear2" refType="w" fact="0.4"/>
          <dgm:constr type="l" for="ch" forName="gear2" refType="w" fact="0.13"/>
          <dgm:constr type="t" for="ch" forName="gear2" refType="w" fact="0.32"/>
          <dgm:constr type="w" for="ch" forName="gear2srcNode" val="1"/>
          <dgm:constr type="h" for="ch" forName="gear2srcNode" val="1"/>
          <dgm:constr type="l" for="ch" forName="gear2srcNode" refType="w" fact="0.23"/>
          <dgm:constr type="t" for="ch" forName="gear2srcNode" refType="w" fact="0.28"/>
          <dgm:constr type="w" for="ch" forName="gear2dstNode" val="1"/>
          <dgm:constr type="h" for="ch" forName="gear2dstNode" val="1"/>
          <dgm:constr type="l" for="ch" forName="gear2dstNode" refType="w" fact="0.1"/>
          <dgm:constr type="t" for="ch" forName="gear2dstNode" refType="h" fact="0.53"/>
          <dgm:constr type="diam" for="des" forName="connector2" refType="w" refFor="ch" refForName="gear2" op="equ" fact="-1.1"/>
          <dgm:constr type="h" for="des" forName="connector2" refType="w" refFor="ch" refForName="gear1" op="equ" fact="0.1"/>
          <dgm:constr type="w" for="ch" forName="gear2ch" refType="w" fact="0.35"/>
          <dgm:constr type="h" for="ch" forName="gear2ch" refType="w" refFor="ch" refForName="gear2ch" fact="0.6"/>
          <dgm:constr type="l" for="ch" forName="gear2ch"/>
          <dgm:constr type="t" for="ch" forName="gear2ch" refType="w" fact="0.58"/>
          <dgm:constr type="w" for="ch" forName="gear3" refType="w" fact="0.48"/>
          <dgm:constr type="h" for="ch" forName="gear3" refType="w" fact="0.48"/>
          <dgm:constr type="l" for="ch" forName="gear3" refType="w" fact="0.31"/>
          <dgm:constr type="t" for="ch" forName="gear3"/>
          <dgm:constr type="w" for="ch" forName="gear3tx" refType="w" fact="0.22"/>
          <dgm:constr type="h" for="ch" forName="gear3tx" refType="w" fact="0.22"/>
          <dgm:constr type="ctrX" for="ch" forName="gear3tx" refType="ctrX" refFor="ch" refForName="gear3"/>
          <dgm:constr type="ctrY" for="ch" forName="gear3tx" refType="ctrY" refFor="ch" refForName="gear3"/>
          <dgm:constr type="w" for="ch" forName="gear3srcNode" val="1"/>
          <dgm:constr type="h" for="ch" forName="gear3srcNode" val="1"/>
          <dgm:constr type="l" for="ch" forName="gear3srcNode" refType="w" fact="0.3"/>
          <dgm:constr type="t" for="ch" forName="gear3srcNode" refType="w" fact="0.25"/>
          <dgm:constr type="w" for="ch" forName="gear3dstNode" val="1"/>
          <dgm:constr type="h" for="ch" forName="gear3dstNode" val="1"/>
          <dgm:constr type="l" for="ch" forName="gear3dstNode" refType="w" fact="0.38"/>
          <dgm:constr type="t" for="ch" forName="gear3dstNode" refType="h" fact="0.05"/>
          <dgm:constr type="diam" for="des" forName="connector3" refType="w" refFor="ch" refForName="gear3" op="equ"/>
          <dgm:constr type="h" for="des" forName="connector3" refType="w" refFor="ch" refForName="gear1" op="equ" fact="0.1"/>
          <dgm:constr type="w" for="ch" forName="gear3ch" refType="w" fact="0.35"/>
          <dgm:constr type="h" for="ch" forName="gear3ch" refType="w" refFor="ch" refForName="gear3ch" fact="0.6"/>
          <dgm:constr type="l" for="ch" forName="gear3ch" refType="w" fact="0.65"/>
          <dgm:constr type="t" for="ch" forName="gear3ch" refType="h" fact="0.13"/>
        </dgm:constrLst>
      </dgm:else>
    </dgm:choose>
    <dgm:ruleLst/>
    <dgm:forEach name="Name4" axis="ch" ptType="node" cnt="1">
      <dgm:layoutNode name="gear1" styleLbl="node1">
        <dgm:varLst>
          <dgm:chMax val="1"/>
          <dgm:bulletEnabled val="1"/>
        </dgm:varLst>
        <dgm:alg type="tx">
          <dgm:param type="txAnchorVertCh" val="mid"/>
        </dgm:alg>
        <dgm:shape xmlns:r="http://schemas.openxmlformats.org/officeDocument/2006/relationships" type="gear9" r:blip="">
          <dgm:adjLst/>
        </dgm:shape>
        <dgm:presOf axis="self"/>
        <dgm:constrLst>
          <dgm:constr type="tMarg" refType="primFontSz" fact="0.1"/>
          <dgm:constr type="bMarg" refType="primFontSz" fact="0.1"/>
          <dgm:constr type="lMarg" refType="primFontSz" fact="0.1"/>
          <dgm:constr type="rMarg" refType="primFontSz" fact="0.1"/>
        </dgm:constrLst>
        <dgm:ruleLst>
          <dgm:rule type="primFontSz" val="5" fact="NaN" max="NaN"/>
        </dgm:ruleLst>
      </dgm:layoutNode>
      <dgm:layoutNode name="gear1src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layoutNode name="gear1dst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choose name="Name5">
        <dgm:if name="Name6" axis="ch" ptType="node" func="cnt" op="gte" val="1">
          <dgm:layoutNode name="gear1ch" styleLbl="fgAcc1">
            <dgm:varLst>
              <dgm:chMax val="0"/>
              <dgm:bulletEnabled val="1"/>
            </dgm:varLst>
            <dgm:alg type="tx">
              <dgm:param type="stBulletLvl" val="1"/>
            </dgm:alg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" ptType="node"/>
            <dgm:constrLst>
              <dgm:constr type="tMarg" refType="primFontSz" fact="0.3"/>
              <dgm:constr type="bMarg" refType="primFontSz" fact="0.3"/>
              <dgm:constr type="lMarg" refType="primFontSz" fact="0.3"/>
              <dgm:constr type="rMarg" refType="primFontSz" fact="0.3"/>
            </dgm:constrLst>
            <dgm:ruleLst>
              <dgm:rule type="primFontSz" val="5" fact="NaN" max="NaN"/>
            </dgm:ruleLst>
          </dgm:layoutNode>
        </dgm:if>
        <dgm:else name="Name7"/>
      </dgm:choose>
    </dgm:forEach>
    <dgm:forEach name="Name8" axis="ch" ptType="node" st="2" cnt="1">
      <dgm:layoutNode name="gear2" styleLbl="node1">
        <dgm:varLst>
          <dgm:chMax val="1"/>
          <dgm:bulletEnabled val="1"/>
        </dgm:varLst>
        <dgm:alg type="tx">
          <dgm:param type="txAnchorVertCh" val="mid"/>
        </dgm:alg>
        <dgm:shape xmlns:r="http://schemas.openxmlformats.org/officeDocument/2006/relationships" type="gear6" r:blip="">
          <dgm:adjLst/>
        </dgm:shape>
        <dgm:presOf axis="self"/>
        <dgm:constrLst>
          <dgm:constr type="tMarg" refType="primFontSz" fact="0.1"/>
          <dgm:constr type="bMarg" refType="primFontSz" fact="0.1"/>
          <dgm:constr type="lMarg" refType="primFontSz" fact="0.1"/>
          <dgm:constr type="rMarg" refType="primFontSz" fact="0.1"/>
        </dgm:constrLst>
        <dgm:ruleLst>
          <dgm:rule type="primFontSz" val="5" fact="NaN" max="NaN"/>
        </dgm:ruleLst>
      </dgm:layoutNode>
      <dgm:layoutNode name="gear2src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layoutNode name="gear2dst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choose name="Name9">
        <dgm:if name="Name10" axis="ch" ptType="node" func="cnt" op="gte" val="1">
          <dgm:layoutNode name="gear2ch" styleLbl="fgAcc1">
            <dgm:varLst>
              <dgm:chMax val="0"/>
              <dgm:bulletEnabled val="1"/>
            </dgm:varLst>
            <dgm:alg type="tx">
              <dgm:param type="stBulletLvl" val="1"/>
            </dgm:alg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" ptType="node"/>
            <dgm:constrLst>
              <dgm:constr type="tMarg" refType="primFontSz" fact="0.3"/>
              <dgm:constr type="bMarg" refType="primFontSz" fact="0.3"/>
              <dgm:constr type="lMarg" refType="primFontSz" fact="0.3"/>
              <dgm:constr type="rMarg" refType="primFontSz" fact="0.3"/>
            </dgm:constrLst>
            <dgm:ruleLst>
              <dgm:rule type="primFontSz" val="5" fact="NaN" max="NaN"/>
            </dgm:ruleLst>
          </dgm:layoutNode>
        </dgm:if>
        <dgm:else name="Name11"/>
      </dgm:choose>
    </dgm:forEach>
    <dgm:forEach name="Name12" axis="ch" ptType="node" st="3" cnt="1">
      <dgm:layoutNode name="gear3" styleLbl="node1">
        <dgm:alg type="sp"/>
        <dgm:shape xmlns:r="http://schemas.openxmlformats.org/officeDocument/2006/relationships" rot="-15" type="gear6" r:blip="">
          <dgm:adjLst/>
        </dgm:shape>
        <dgm:presOf axis="self"/>
        <dgm:constrLst/>
        <dgm:ruleLst/>
      </dgm:layoutNode>
      <dgm:layoutNode name="gear3tx" styleLbl="node1">
        <dgm:varLst>
          <dgm:chMax val="1"/>
          <dgm:bulletEnabled val="1"/>
        </dgm:varLst>
        <dgm:alg type="tx">
          <dgm:param type="txAnchorVertCh" val="mid"/>
        </dgm:alg>
        <dgm:shape xmlns:r="http://schemas.openxmlformats.org/officeDocument/2006/relationships" type="rect" r:blip="" hideGeom="1">
          <dgm:adjLst/>
        </dgm:shape>
        <dgm:presOf axis="self"/>
        <dgm:constrLst>
          <dgm:constr type="tMarg" refType="primFontSz" fact="0.1"/>
          <dgm:constr type="bMarg" refType="primFontSz" fact="0.1"/>
          <dgm:constr type="lMarg" refType="primFontSz" fact="0.1"/>
          <dgm:constr type="rMarg" refType="primFontSz" fact="0.1"/>
        </dgm:constrLst>
        <dgm:ruleLst>
          <dgm:rule type="primFontSz" val="5" fact="NaN" max="NaN"/>
        </dgm:ruleLst>
      </dgm:layoutNode>
      <dgm:layoutNode name="gear3src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layoutNode name="gear3dstNode">
        <dgm:alg type="sp"/>
        <dgm:shape xmlns:r="http://schemas.openxmlformats.org/officeDocument/2006/relationships" type="rect" r:blip="" hideGeom="1">
          <dgm:adjLst/>
        </dgm:shape>
        <dgm:presOf axis="self"/>
        <dgm:constrLst/>
        <dgm:ruleLst/>
      </dgm:layoutNode>
      <dgm:choose name="Name13">
        <dgm:if name="Name14" axis="ch" ptType="node" func="cnt" op="gte" val="1">
          <dgm:layoutNode name="gear3ch" styleLbl="fgAcc1">
            <dgm:varLst>
              <dgm:chMax val="0"/>
              <dgm:bulletEnabled val="1"/>
            </dgm:varLst>
            <dgm:alg type="tx">
              <dgm:param type="stBulletLvl" val="1"/>
            </dgm:alg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" ptType="node"/>
            <dgm:constrLst>
              <dgm:constr type="tMarg" refType="primFontSz" fact="0.3"/>
              <dgm:constr type="bMarg" refType="primFontSz" fact="0.3"/>
              <dgm:constr type="lMarg" refType="primFontSz" fact="0.3"/>
              <dgm:constr type="rMarg" refType="primFontSz" fact="0.3"/>
            </dgm:constrLst>
            <dgm:ruleLst>
              <dgm:rule type="primFontSz" val="5" fact="NaN" max="NaN"/>
            </dgm:ruleLst>
          </dgm:layoutNode>
        </dgm:if>
        <dgm:else name="Name15"/>
      </dgm:choose>
    </dgm:forEach>
    <dgm:forEach name="Name16" axis="ch" ptType="sibTrans" hideLastTrans="0" cnt="1">
      <dgm:layoutNode name="connector1" styleLbl="sibTrans2D1">
        <dgm:alg type="conn">
          <dgm:param type="connRout" val="curve"/>
          <dgm:param type="srcNode" val="gear1srcNode"/>
          <dgm:param type="dstNode" val="gear1dstNode"/>
          <dgm:param type="begPts" val="midR"/>
          <dgm:param type="endPts" val="tCtr"/>
        </dgm:alg>
        <dgm:shape xmlns:r="http://schemas.openxmlformats.org/officeDocument/2006/relationships" type="conn" r:blip="">
          <dgm:adjLst/>
        </dgm:shape>
        <dgm:presOf axis="self"/>
        <dgm:constrLst>
          <dgm:constr type="w" val="10"/>
          <dgm:constr type="h" val="10"/>
          <dgm:constr type="begPad"/>
          <dgm:constr type="endPad"/>
        </dgm:constrLst>
        <dgm:ruleLst/>
      </dgm:layoutNode>
    </dgm:forEach>
    <dgm:forEach name="Name17" axis="ch" ptType="sibTrans" hideLastTrans="0" st="2" cnt="1">
      <dgm:layoutNode name="connector2" styleLbl="sibTrans2D1">
        <dgm:alg type="conn">
          <dgm:param type="connRout" val="curve"/>
          <dgm:param type="srcNode" val="gear2srcNode"/>
          <dgm:param type="dstNode" val="gear2dstNode"/>
          <dgm:param type="begPts" val="midL"/>
          <dgm:param type="endPts" val="midL"/>
        </dgm:alg>
        <dgm:shape xmlns:r="http://schemas.openxmlformats.org/officeDocument/2006/relationships" type="conn" r:blip="">
          <dgm:adjLst/>
        </dgm:shape>
        <dgm:presOf axis="self"/>
        <dgm:constrLst>
          <dgm:constr type="w" val="10"/>
          <dgm:constr type="h" val="10"/>
          <dgm:constr type="begPad"/>
          <dgm:constr type="endPad"/>
        </dgm:constrLst>
        <dgm:ruleLst/>
      </dgm:layoutNode>
    </dgm:forEach>
    <dgm:forEach name="Name18" axis="ch" ptType="sibTrans" hideLastTrans="0" st="3" cnt="1">
      <dgm:layoutNode name="connector3" styleLbl="sibTrans2D1">
        <dgm:alg type="conn">
          <dgm:param type="connRout" val="curve"/>
          <dgm:param type="srcNode" val="gear3srcNode"/>
          <dgm:param type="dstNode" val="gear3dstNode"/>
          <dgm:param type="begPts" val="midL"/>
          <dgm:param type="endPts" val="midL"/>
        </dgm:alg>
        <dgm:shape xmlns:r="http://schemas.openxmlformats.org/officeDocument/2006/relationships" type="conn" r:blip="">
          <dgm:adjLst/>
        </dgm:shape>
        <dgm:presOf axis="self"/>
        <dgm:constrLst>
          <dgm:constr type="w" val="10"/>
          <dgm:constr type="h" val="10"/>
          <dgm:constr type="begPad"/>
          <dgm:constr type="endPad"/>
        </dgm:constrLst>
        <dgm:ruleLst/>
      </dgm:layoutNode>
    </dgm:forEach>
  </dgm:layoutNode>
</dgm:layoutDef>
</file>

<file path=ppt/diagrams/layout10.xml><?xml version="1.0" encoding="utf-8"?>
<dgm:layoutDef xmlns:dgm="http://schemas.openxmlformats.org/drawingml/2006/diagram" xmlns:a="http://schemas.openxmlformats.org/drawingml/2006/main" uniqueId="urn:microsoft.com/office/officeart/2005/8/layout/balance1">
  <dgm:title val=""/>
  <dgm:desc val=""/>
  <dgm:catLst>
    <dgm:cat type="relationship" pri="1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23">
          <dgm:prSet phldr="1"/>
        </dgm:pt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14" srcId="1" destId="12" srcOrd="0" destOrd="0"/>
        <dgm:cxn modelId="23" srcId="2" destId="21" srcOrd="0" destOrd="0"/>
        <dgm:cxn modelId="24" srcId="2" destId="22" srcOrd="0" destOrd="0"/>
        <dgm:cxn modelId="25" srcId="2" destId="23" srcOrd="0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  <dgm:pt modelId="2"/>
        <dgm:pt modelId="21"/>
        <dgm:pt modelId="22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14" srcId="1" destId="12" srcOrd="0" destOrd="0"/>
        <dgm:cxn modelId="23" srcId="2" destId="21" srcOrd="0" destOrd="0"/>
        <dgm:cxn modelId="24" srcId="2" destId="22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12"/>
        <dgm:pt modelId="13"/>
        <dgm:pt modelId="2"/>
        <dgm:pt modelId="21"/>
        <dgm:pt modelId="22"/>
        <dgm:pt modelId="23"/>
      </dgm:ptLst>
      <dgm:cxnLst>
        <dgm:cxn modelId="4" srcId="0" destId="1" srcOrd="0" destOrd="0"/>
        <dgm:cxn modelId="5" srcId="0" destId="2" srcOrd="1" destOrd="0"/>
        <dgm:cxn modelId="15" srcId="1" destId="11" srcOrd="0" destOrd="0"/>
        <dgm:cxn modelId="16" srcId="1" destId="12" srcOrd="0" destOrd="0"/>
        <dgm:cxn modelId="17" srcId="1" destId="13" srcOrd="0" destOrd="0"/>
        <dgm:cxn modelId="25" srcId="2" destId="21" srcOrd="0" destOrd="0"/>
        <dgm:cxn modelId="26" srcId="2" destId="22" srcOrd="0" destOrd="0"/>
        <dgm:cxn modelId="27" srcId="2" destId="23" srcOrd="0" destOrd="0"/>
      </dgm:cxnLst>
      <dgm:bg/>
      <dgm:whole/>
    </dgm:dataModel>
  </dgm:clrData>
  <dgm:layoutNode name="outerComposite">
    <dgm:varLst>
      <dgm:chMax val="2"/>
      <dgm:animLvl val="lvl"/>
      <dgm:resizeHandles val="exact"/>
    </dgm:varLst>
    <dgm:alg type="composite">
      <dgm:param type="ar" val="1"/>
    </dgm:alg>
    <dgm:shape xmlns:r="http://schemas.openxmlformats.org/officeDocument/2006/relationships" r:blip="">
      <dgm:adjLst/>
    </dgm:shape>
    <dgm:presOf/>
    <dgm:constrLst>
      <dgm:constr type="h" for="ch" forName="parentComposite" refType="h" refFor="ch" refForName="dummyMaxCanvas" op="equ" fact="0.2"/>
      <dgm:constr type="t" for="ch" forName="parentComposite"/>
      <dgm:constr type="h" for="ch" forName="childrenComposite" refType="h" refFor="ch" refForName="dummyMaxCanvas" op="equ" fact="0.8"/>
      <dgm:constr type="t" for="ch" forName="childrenComposite" refType="h" refFor="ch" refForName="dummyMaxCanvas" fact="0.2"/>
    </dgm:constrLst>
    <dgm:ruleLst/>
    <dgm:layoutNode name="dummyMaxCanvas">
      <dgm:alg type="sp"/>
      <dgm:shape xmlns:r="http://schemas.openxmlformats.org/officeDocument/2006/relationships" r:blip="">
        <dgm:adjLst/>
      </dgm:shape>
      <dgm:presOf/>
      <dgm:constrLst/>
      <dgm:ruleLst/>
    </dgm:layoutNode>
    <dgm:layoutNode name="parentComposite">
      <dgm:alg type="composite"/>
      <dgm:shape xmlns:r="http://schemas.openxmlformats.org/officeDocument/2006/relationships" r:blip="">
        <dgm:adjLst/>
      </dgm:shape>
      <dgm:presOf/>
      <dgm:constrLst>
        <dgm:constr type="w" for="ch" forName="parent1" refType="w" fact="0.36"/>
        <dgm:constr type="ctrX" for="ch" forName="parent1" refType="w" fact="0.24"/>
        <dgm:constr type="w" for="ch" forName="parent2" refType="w" fact="0.36"/>
        <dgm:constr type="ctrX" for="ch" forName="parent2" refType="w" fact="0.76"/>
        <dgm:constr type="primFontSz" for="ch" ptType="node" op="equ"/>
      </dgm:constrLst>
      <dgm:ruleLst/>
      <dgm:layoutNode name="parent1" styleLbl="alignAccFollowNode1">
        <dgm:varLst>
          <dgm:chMax val="4"/>
        </dgm:varLst>
        <dgm:alg type="tx"/>
        <dgm:shape xmlns:r="http://schemas.openxmlformats.org/officeDocument/2006/relationships" type="roundRect" r:blip="">
          <dgm:adjLst>
            <dgm:adj idx="1" val="0.1"/>
          </dgm:adjLst>
        </dgm:shape>
        <dgm:presOf axis="ch" ptType="node" cnt="1"/>
        <dgm:constrLst>
          <dgm:constr type="primFontSz" val="65"/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layoutNode name="parent2" styleLbl="alignAccFollowNode1">
        <dgm:varLst>
          <dgm:chMax val="4"/>
        </dgm:varLst>
        <dgm:alg type="tx"/>
        <dgm:shape xmlns:r="http://schemas.openxmlformats.org/officeDocument/2006/relationships" type="roundRect" r:blip="">
          <dgm:adjLst>
            <dgm:adj idx="1" val="0.1"/>
          </dgm:adjLst>
        </dgm:shape>
        <dgm:presOf axis="ch" ptType="node" st="2" cnt="1"/>
        <dgm:constrLst>
          <dgm:constr type="primFontSz" val="65"/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</dgm:layoutNode>
    <dgm:layoutNode name="childrenComposite">
      <dgm:alg type="composite"/>
      <dgm:shape xmlns:r="http://schemas.openxmlformats.org/officeDocument/2006/relationships" r:blip="">
        <dgm:adjLst/>
      </dgm:shape>
      <dgm:presOf/>
      <dgm:constrLst>
        <dgm:constr type="primFontSz" for="ch" ptType="node" op="equ" val="65"/>
        <dgm:constr type="w" for="ch" forName="fulcrum" refType="w" fact="0.15"/>
        <dgm:constr type="h" for="ch" forName="fulcrum" refType="w" refFor="ch" refForName="fulcrum"/>
        <dgm:constr type="b" for="ch" forName="fulcrum" refType="h"/>
        <dgm:constr type="ctrX" for="ch" forName="fulcrum" refType="w" fact="0.5"/>
        <dgm:constr type="w" for="ch" forName="balance_00" refType="w" fact="0.9"/>
        <dgm:constr type="h" for="ch" forName="balance_00" refType="h" fact="0.076"/>
        <dgm:constr type="b" for="ch" forName="balance_00" refType="h" fact="0.81"/>
        <dgm:constr type="ctrX" for="ch" forName="balance_00" refType="w" fact="0.5"/>
        <dgm:constr type="w" for="ch" forName="balance_01" refType="w"/>
        <dgm:constr type="h" for="ch" forName="balance_01" refType="h" fact="0.157"/>
        <dgm:constr type="b" for="ch" forName="balance_01" refType="h" fact="0.85"/>
        <dgm:constr type="ctrX" for="ch" forName="balance_01" refType="w" fact="0.5"/>
        <dgm:constr type="w" for="ch" forName="balance_02" refType="w"/>
        <dgm:constr type="h" for="ch" forName="balance_02" refType="h" fact="0.157"/>
        <dgm:constr type="b" for="ch" forName="balance_02" refType="h" fact="0.85"/>
        <dgm:constr type="ctrX" for="ch" forName="balance_02" refType="w" fact="0.5"/>
        <dgm:constr type="w" for="ch" forName="balance_03" refType="w"/>
        <dgm:constr type="h" for="ch" forName="balance_03" refType="h" fact="0.157"/>
        <dgm:constr type="b" for="ch" forName="balance_03" refType="h" fact="0.85"/>
        <dgm:constr type="ctrX" for="ch" forName="balance_03" refType="w" fact="0.5"/>
        <dgm:constr type="w" for="ch" forName="balance_04" refType="w"/>
        <dgm:constr type="h" for="ch" forName="balance_04" refType="h" fact="0.157"/>
        <dgm:constr type="b" for="ch" forName="balance_04" refType="h" fact="0.85"/>
        <dgm:constr type="ctrX" for="ch" forName="balance_04" refType="w" fact="0.5"/>
        <dgm:constr type="w" for="ch" forName="balance_10" refType="w"/>
        <dgm:constr type="h" for="ch" forName="balance_10" refType="h" fact="0.157"/>
        <dgm:constr type="b" for="ch" forName="balance_10" refType="h" fact="0.85"/>
        <dgm:constr type="ctrX" for="ch" forName="balance_10" refType="w" fact="0.5"/>
        <dgm:constr type="w" for="ch" forName="balance_11" refType="w" fact="0.9"/>
        <dgm:constr type="h" for="ch" forName="balance_11" refType="h" fact="0.076"/>
        <dgm:constr type="b" for="ch" forName="balance_11" refType="h" fact="0.81"/>
        <dgm:constr type="ctrX" for="ch" forName="balance_11" refType="w" fact="0.5"/>
        <dgm:constr type="w" for="ch" forName="balance_12" refType="w"/>
        <dgm:constr type="h" for="ch" forName="balance_12" refType="h" fact="0.157"/>
        <dgm:constr type="b" for="ch" forName="balance_12" refType="h" fact="0.85"/>
        <dgm:constr type="ctrX" for="ch" forName="balance_12" refType="w" fact="0.5"/>
        <dgm:constr type="w" for="ch" forName="balance_13" refType="w"/>
        <dgm:constr type="h" for="ch" forName="balance_13" refType="h" fact="0.157"/>
        <dgm:constr type="b" for="ch" forName="balance_13" refType="h" fact="0.85"/>
        <dgm:constr type="ctrX" for="ch" forName="balance_13" refType="w" fact="0.5"/>
        <dgm:constr type="w" for="ch" forName="balance_14" refType="w"/>
        <dgm:constr type="h" for="ch" forName="balance_14" refType="h" fact="0.157"/>
        <dgm:constr type="b" for="ch" forName="balance_14" refType="h" fact="0.85"/>
        <dgm:constr type="ctrX" for="ch" forName="balance_14" refType="w" fact="0.5"/>
        <dgm:constr type="w" for="ch" forName="balance_20" refType="w"/>
        <dgm:constr type="h" for="ch" forName="balance_20" refType="h" fact="0.157"/>
        <dgm:constr type="b" for="ch" forName="balance_20" refType="h" fact="0.85"/>
        <dgm:constr type="ctrX" for="ch" forName="balance_20" refType="w" fact="0.5"/>
        <dgm:constr type="w" for="ch" forName="balance_21" refType="w"/>
        <dgm:constr type="h" for="ch" forName="balance_21" refType="h" fact="0.157"/>
        <dgm:constr type="b" for="ch" forName="balance_21" refType="h" fact="0.85"/>
        <dgm:constr type="ctrX" for="ch" forName="balance_21" refType="w" fact="0.5"/>
        <dgm:constr type="w" for="ch" forName="balance_22" refType="w" fact="0.9"/>
        <dgm:constr type="h" for="ch" forName="balance_22" refType="h" fact="0.076"/>
        <dgm:constr type="b" for="ch" forName="balance_22" refType="h" fact="0.81"/>
        <dgm:constr type="ctrX" for="ch" forName="balance_22" refType="w" fact="0.5"/>
        <dgm:constr type="w" for="ch" forName="balance_23" refType="w"/>
        <dgm:constr type="h" for="ch" forName="balance_23" refType="h" fact="0.157"/>
        <dgm:constr type="b" for="ch" forName="balance_23" refType="h" fact="0.85"/>
        <dgm:constr type="ctrX" for="ch" forName="balance_23" refType="w" fact="0.5"/>
        <dgm:constr type="w" for="ch" forName="balance_24" refType="w"/>
        <dgm:constr type="h" for="ch" forName="balance_24" refType="h" fact="0.157"/>
        <dgm:constr type="b" for="ch" forName="balance_24" refType="h" fact="0.85"/>
        <dgm:constr type="ctrX" for="ch" forName="balance_24" refType="w" fact="0.5"/>
        <dgm:constr type="w" for="ch" forName="balance_30" refType="w"/>
        <dgm:constr type="h" for="ch" forName="balance_30" refType="h" fact="0.157"/>
        <dgm:constr type="b" for="ch" forName="balance_30" refType="h" fact="0.85"/>
        <dgm:constr type="ctrX" for="ch" forName="balance_30" refType="w" fact="0.5"/>
        <dgm:constr type="w" for="ch" forName="balance_31" refType="w"/>
        <dgm:constr type="h" for="ch" forName="balance_31" refType="h" fact="0.157"/>
        <dgm:constr type="b" for="ch" forName="balance_31" refType="h" fact="0.85"/>
        <dgm:constr type="ctrX" for="ch" forName="balance_31" refType="w" fact="0.5"/>
        <dgm:constr type="w" for="ch" forName="balance_32" refType="w"/>
        <dgm:constr type="h" for="ch" forName="balance_32" refType="h" fact="0.157"/>
        <dgm:constr type="b" for="ch" forName="balance_32" refType="h" fact="0.85"/>
        <dgm:constr type="ctrX" for="ch" forName="balance_32" refType="w" fact="0.5"/>
        <dgm:constr type="w" for="ch" forName="balance_33" refType="w" fact="0.9"/>
        <dgm:constr type="h" for="ch" forName="balance_33" refType="h" fact="0.076"/>
        <dgm:constr type="b" for="ch" forName="balance_33" refType="h" fact="0.81"/>
        <dgm:constr type="ctrX" for="ch" forName="balance_33" refType="w" fact="0.5"/>
        <dgm:constr type="w" for="ch" forName="balance_34" refType="w"/>
        <dgm:constr type="h" for="ch" forName="balance_34" refType="h" fact="0.157"/>
        <dgm:constr type="b" for="ch" forName="balance_34" refType="h" fact="0.85"/>
        <dgm:constr type="ctrX" for="ch" forName="balance_34" refType="w" fact="0.5"/>
        <dgm:constr type="w" for="ch" forName="balance_40" refType="w"/>
        <dgm:constr type="h" for="ch" forName="balance_40" refType="h" fact="0.157"/>
        <dgm:constr type="b" for="ch" forName="balance_40" refType="h" fact="0.85"/>
        <dgm:constr type="ctrX" for="ch" forName="balance_40" refType="w" fact="0.5"/>
        <dgm:constr type="w" for="ch" forName="balance_41" refType="w"/>
        <dgm:constr type="h" for="ch" forName="balance_41" refType="h" fact="0.157"/>
        <dgm:constr type="b" for="ch" forName="balance_41" refType="h" fact="0.85"/>
        <dgm:constr type="ctrX" for="ch" forName="balance_41" refType="w" fact="0.5"/>
        <dgm:constr type="w" for="ch" forName="balance_42" refType="w"/>
        <dgm:constr type="h" for="ch" forName="balance_42" refType="h" fact="0.157"/>
        <dgm:constr type="b" for="ch" forName="balance_42" refType="h" fact="0.85"/>
        <dgm:constr type="ctrX" for="ch" forName="balance_42" refType="w" fact="0.5"/>
        <dgm:constr type="w" for="ch" forName="balance_43" refType="w"/>
        <dgm:constr type="h" for="ch" forName="balance_43" refType="h" fact="0.157"/>
        <dgm:constr type="b" for="ch" forName="balance_43" refType="h" fact="0.85"/>
        <dgm:constr type="ctrX" for="ch" forName="balance_43" refType="w" fact="0.5"/>
        <dgm:constr type="w" for="ch" forName="balance_44" refType="w" fact="0.9"/>
        <dgm:constr type="h" for="ch" forName="balance_44" refType="h" fact="0.076"/>
        <dgm:constr type="b" for="ch" forName="balance_44" refType="h" fact="0.81"/>
        <dgm:constr type="ctrX" for="ch" forName="balance_44" refType="w" fact="0.5"/>
        <dgm:constr type="w" for="ch" forName="right_01_1" refType="w" fact="0.4"/>
        <dgm:constr type="h" for="ch" forName="right_01_1" refType="h" fact="0.7"/>
        <dgm:constr type="b" for="ch" forName="right_01_1" refType="h" fact="0.76"/>
        <dgm:constr type="ctrX" for="ch" forName="right_01_1" refType="w" fact="0.78"/>
        <dgm:constr type="w" for="ch" forName="left_10_1" refType="w" fact="0.4"/>
        <dgm:constr type="h" for="ch" forName="left_10_1" refType="h" fact="0.7"/>
        <dgm:constr type="b" for="ch" forName="left_10_1" refType="h" fact="0.76"/>
        <dgm:constr type="ctrX" for="ch" forName="left_10_1" refType="w" fact="0.22"/>
        <dgm:constr type="w" for="ch" forName="right_11_1" refType="w" fact="0.36"/>
        <dgm:constr type="h" for="ch" forName="right_11_1" refType="h" fact="0.67"/>
        <dgm:constr type="b" for="ch" forName="right_11_1" refType="h" fact="0.725"/>
        <dgm:constr type="ctrX" for="ch" forName="right_11_1" refType="w" fact="0.76"/>
        <dgm:constr type="w" for="ch" forName="left_11_1" refType="w" fact="0.36"/>
        <dgm:constr type="h" for="ch" forName="left_11_1" refType="h" fact="0.67"/>
        <dgm:constr type="b" for="ch" forName="left_11_1" refType="h" fact="0.725"/>
        <dgm:constr type="ctrX" for="ch" forName="left_11_1" refType="w" fact="0.24"/>
        <dgm:constr type="w" for="ch" forName="right_02_1" refType="w" fact="0.388"/>
        <dgm:constr type="h" for="ch" forName="right_02_1" refType="h" fact="0.36"/>
        <dgm:constr type="b" for="ch" forName="right_02_1" refType="h" fact="0.76"/>
        <dgm:constr type="ctrX" for="ch" forName="right_02_1" refType="w" fact="0.77"/>
        <dgm:constr type="w" for="ch" forName="right_02_2" refType="w" fact="0.388"/>
        <dgm:constr type="h" for="ch" forName="right_02_2" refType="h" fact="0.36"/>
        <dgm:constr type="b" for="ch" forName="right_02_2" refType="h" fact="0.42"/>
        <dgm:constr type="ctrX" for="ch" forName="right_02_2" refType="w" fact="0.79"/>
        <dgm:constr type="w" for="ch" forName="left_20_1" refType="w" fact="0.388"/>
        <dgm:constr type="h" for="ch" forName="left_20_1" refType="h" fact="0.36"/>
        <dgm:constr type="b" for="ch" forName="left_20_1" refType="h" fact="0.76"/>
        <dgm:constr type="ctrX" for="ch" forName="left_20_1" refType="w" fact="0.23"/>
        <dgm:constr type="w" for="ch" forName="left_20_2" refType="w" fact="0.388"/>
        <dgm:constr type="h" for="ch" forName="left_20_2" refType="h" fact="0.36"/>
        <dgm:constr type="b" for="ch" forName="left_20_2" refType="h" fact="0.42"/>
        <dgm:constr type="ctrX" for="ch" forName="left_20_2" refType="w" fact="0.21"/>
        <dgm:constr type="w" for="ch" forName="right_12_1" refType="w" fact="0.388"/>
        <dgm:constr type="h" for="ch" forName="right_12_1" refType="h" fact="0.36"/>
        <dgm:constr type="b" for="ch" forName="right_12_1" refType="h" fact="0.76"/>
        <dgm:constr type="ctrX" for="ch" forName="right_12_1" refType="w" fact="0.77"/>
        <dgm:constr type="w" for="ch" forName="right_12_2" refType="w" fact="0.388"/>
        <dgm:constr type="h" for="ch" forName="right_12_2" refType="h" fact="0.36"/>
        <dgm:constr type="b" for="ch" forName="right_12_2" refType="h" fact="0.42"/>
        <dgm:constr type="ctrX" for="ch" forName="right_12_2" refType="w" fact="0.79"/>
        <dgm:constr type="w" for="ch" forName="left_12_1" refType="w" fact="0.388"/>
        <dgm:constr type="h" for="ch" forName="left_12_1" refType="h" fact="0.36"/>
        <dgm:constr type="b" for="ch" forName="left_12_1" refType="h" fact="0.715"/>
        <dgm:constr type="ctrX" for="ch" forName="left_12_1" refType="w" fact="0.255"/>
        <dgm:constr type="w" for="ch" forName="right_22_1" refType="w" fact="0.36"/>
        <dgm:constr type="h" for="ch" forName="right_22_1" refType="h" fact="0.32"/>
        <dgm:constr type="b" for="ch" forName="right_22_1" refType="h" fact="0.725"/>
        <dgm:constr type="ctrX" for="ch" forName="right_22_1" refType="w" fact="0.76"/>
        <dgm:constr type="w" for="ch" forName="right_22_2" refType="w" fact="0.36"/>
        <dgm:constr type="h" for="ch" forName="right_22_2" refType="h" fact="0.32"/>
        <dgm:constr type="b" for="ch" forName="right_22_2" refType="h" fact="0.39"/>
        <dgm:constr type="ctrX" for="ch" forName="right_22_2" refType="w" fact="0.76"/>
        <dgm:constr type="w" for="ch" forName="left_22_1" refType="w" fact="0.36"/>
        <dgm:constr type="h" for="ch" forName="left_22_1" refType="h" fact="0.32"/>
        <dgm:constr type="b" for="ch" forName="left_22_1" refType="h" fact="0.725"/>
        <dgm:constr type="ctrX" for="ch" forName="left_22_1" refType="w" fact="0.24"/>
        <dgm:constr type="w" for="ch" forName="left_22_2" refType="w" fact="0.36"/>
        <dgm:constr type="h" for="ch" forName="left_22_2" refType="h" fact="0.32"/>
        <dgm:constr type="b" for="ch" forName="left_22_2" refType="h" fact="0.39"/>
        <dgm:constr type="ctrX" for="ch" forName="left_22_2" refType="w" fact="0.24"/>
        <dgm:constr type="w" for="ch" forName="left_21_1" refType="w" fact="0.388"/>
        <dgm:constr type="h" for="ch" forName="left_21_1" refType="h" fact="0.36"/>
        <dgm:constr type="b" for="ch" forName="left_21_1" refType="h" fact="0.76"/>
        <dgm:constr type="ctrX" for="ch" forName="left_21_1" refType="w" fact="0.23"/>
        <dgm:constr type="w" for="ch" forName="left_21_2" refType="w" fact="0.388"/>
        <dgm:constr type="h" for="ch" forName="left_21_2" refType="h" fact="0.36"/>
        <dgm:constr type="b" for="ch" forName="left_21_2" refType="h" fact="0.42"/>
        <dgm:constr type="ctrX" for="ch" forName="left_21_2" refType="w" fact="0.21"/>
        <dgm:constr type="w" for="ch" forName="right_21_1" refType="w" fact="0.388"/>
        <dgm:constr type="h" for="ch" forName="right_21_1" refType="h" fact="0.36"/>
        <dgm:constr type="b" for="ch" forName="right_21_1" refType="h" fact="0.715"/>
        <dgm:constr type="ctrX" for="ch" forName="right_21_1" refType="w" fact="0.745"/>
        <dgm:constr type="w" for="ch" forName="right_03_1" refType="w" fact="0.37"/>
        <dgm:constr type="h" for="ch" forName="right_03_1" refType="h" fact="0.24"/>
        <dgm:constr type="b" for="ch" forName="right_03_1" refType="h" fact="0.76"/>
        <dgm:constr type="ctrX" for="ch" forName="right_03_1" refType="w" fact="0.77"/>
        <dgm:constr type="w" for="ch" forName="right_03_2" refType="w" fact="0.37"/>
        <dgm:constr type="h" for="ch" forName="right_03_2" refType="h" fact="0.24"/>
        <dgm:constr type="b" for="ch" forName="right_03_2" refType="h" fact="0.535"/>
        <dgm:constr type="ctrX" for="ch" forName="right_03_2" refType="w" fact="0.783"/>
        <dgm:constr type="w" for="ch" forName="right_03_3" refType="w" fact="0.37"/>
        <dgm:constr type="h" for="ch" forName="right_03_3" refType="h" fact="0.24"/>
        <dgm:constr type="b" for="ch" forName="right_03_3" refType="h" fact="0.315"/>
        <dgm:constr type="ctrX" for="ch" forName="right_03_3" refType="w" fact="0.796"/>
        <dgm:constr type="w" for="ch" forName="left_30_1" refType="w" fact="0.37"/>
        <dgm:constr type="h" for="ch" forName="left_30_1" refType="h" fact="0.24"/>
        <dgm:constr type="b" for="ch" forName="left_30_1" refType="h" fact="0.76"/>
        <dgm:constr type="ctrX" for="ch" forName="left_30_1" refType="w" fact="0.23"/>
        <dgm:constr type="w" for="ch" forName="left_30_2" refType="w" fact="0.37"/>
        <dgm:constr type="h" for="ch" forName="left_30_2" refType="h" fact="0.24"/>
        <dgm:constr type="b" for="ch" forName="left_30_2" refType="h" fact="0.535"/>
        <dgm:constr type="ctrX" for="ch" forName="left_30_2" refType="w" fact="0.217"/>
        <dgm:constr type="w" for="ch" forName="left_30_3" refType="w" fact="0.37"/>
        <dgm:constr type="h" for="ch" forName="left_30_3" refType="h" fact="0.24"/>
        <dgm:constr type="b" for="ch" forName="left_30_3" refType="h" fact="0.315"/>
        <dgm:constr type="ctrX" for="ch" forName="left_30_3" refType="w" fact="0.204"/>
        <dgm:constr type="w" for="ch" forName="right_13_1" refType="w" fact="0.37"/>
        <dgm:constr type="h" for="ch" forName="right_13_1" refType="h" fact="0.24"/>
        <dgm:constr type="b" for="ch" forName="right_13_1" refType="h" fact="0.76"/>
        <dgm:constr type="ctrX" for="ch" forName="right_13_1" refType="w" fact="0.77"/>
        <dgm:constr type="w" for="ch" forName="right_13_2" refType="w" fact="0.37"/>
        <dgm:constr type="h" for="ch" forName="right_13_2" refType="h" fact="0.24"/>
        <dgm:constr type="b" for="ch" forName="right_13_2" refType="h" fact="0.535"/>
        <dgm:constr type="ctrX" for="ch" forName="right_13_2" refType="w" fact="0.783"/>
        <dgm:constr type="w" for="ch" forName="right_13_3" refType="w" fact="0.37"/>
        <dgm:constr type="h" for="ch" forName="right_13_3" refType="h" fact="0.24"/>
        <dgm:constr type="b" for="ch" forName="right_13_3" refType="h" fact="0.315"/>
        <dgm:constr type="ctrX" for="ch" forName="right_13_3" refType="w" fact="0.796"/>
        <dgm:constr type="w" for="ch" forName="left_13_1" refType="w" fact="0.37"/>
        <dgm:constr type="h" for="ch" forName="left_13_1" refType="h" fact="0.24"/>
        <dgm:constr type="b" for="ch" forName="left_13_1" refType="h" fact="0.715"/>
        <dgm:constr type="ctrX" for="ch" forName="left_13_1" refType="w" fact="0.255"/>
        <dgm:constr type="w" for="ch" forName="left_31_1" refType="w" fact="0.37"/>
        <dgm:constr type="h" for="ch" forName="left_31_1" refType="h" fact="0.24"/>
        <dgm:constr type="b" for="ch" forName="left_31_1" refType="h" fact="0.76"/>
        <dgm:constr type="ctrX" for="ch" forName="left_31_1" refType="w" fact="0.23"/>
        <dgm:constr type="w" for="ch" forName="left_31_2" refType="w" fact="0.37"/>
        <dgm:constr type="h" for="ch" forName="left_31_2" refType="h" fact="0.24"/>
        <dgm:constr type="b" for="ch" forName="left_31_2" refType="h" fact="0.535"/>
        <dgm:constr type="ctrX" for="ch" forName="left_31_2" refType="w" fact="0.217"/>
        <dgm:constr type="w" for="ch" forName="left_31_3" refType="w" fact="0.37"/>
        <dgm:constr type="h" for="ch" forName="left_31_3" refType="h" fact="0.24"/>
        <dgm:constr type="b" for="ch" forName="left_31_3" refType="h" fact="0.315"/>
        <dgm:constr type="ctrX" for="ch" forName="left_31_3" refType="w" fact="0.204"/>
        <dgm:constr type="w" for="ch" forName="right_31_1" refType="w" fact="0.37"/>
        <dgm:constr type="h" for="ch" forName="right_31_1" refType="h" fact="0.24"/>
        <dgm:constr type="b" for="ch" forName="right_31_1" refType="h" fact="0.715"/>
        <dgm:constr type="ctrX" for="ch" forName="right_31_1" refType="w" fact="0.745"/>
        <dgm:constr type="w" for="ch" forName="right_23_1" refType="w" fact="0.37"/>
        <dgm:constr type="h" for="ch" forName="right_23_1" refType="h" fact="0.24"/>
        <dgm:constr type="b" for="ch" forName="right_23_1" refType="h" fact="0.76"/>
        <dgm:constr type="ctrX" for="ch" forName="right_23_1" refType="w" fact="0.77"/>
        <dgm:constr type="w" for="ch" forName="right_23_2" refType="w" fact="0.37"/>
        <dgm:constr type="h" for="ch" forName="right_23_2" refType="h" fact="0.24"/>
        <dgm:constr type="b" for="ch" forName="right_23_2" refType="h" fact="0.535"/>
        <dgm:constr type="ctrX" for="ch" forName="right_23_2" refType="w" fact="0.783"/>
        <dgm:constr type="w" for="ch" forName="right_23_3" refType="w" fact="0.37"/>
        <dgm:constr type="h" for="ch" forName="right_23_3" refType="h" fact="0.24"/>
        <dgm:constr type="b" for="ch" forName="right_23_3" refType="h" fact="0.315"/>
        <dgm:constr type="ctrX" for="ch" forName="right_23_3" refType="w" fact="0.796"/>
        <dgm:constr type="w" for="ch" forName="left_23_1" refType="w" fact="0.37"/>
        <dgm:constr type="h" for="ch" forName="left_23_1" refType="h" fact="0.24"/>
        <dgm:constr type="b" for="ch" forName="left_23_1" refType="h" fact="0.715"/>
        <dgm:constr type="ctrX" for="ch" forName="left_23_1" refType="w" fact="0.255"/>
        <dgm:constr type="w" for="ch" forName="left_23_2" refType="w" fact="0.37"/>
        <dgm:constr type="h" for="ch" forName="left_23_2" refType="h" fact="0.24"/>
        <dgm:constr type="b" for="ch" forName="left_23_2" refType="h" fact="0.49"/>
        <dgm:constr type="ctrX" for="ch" forName="left_23_2" refType="w" fact="0.268"/>
        <dgm:constr type="w" for="ch" forName="left_32_1" refType="w" fact="0.37"/>
        <dgm:constr type="h" for="ch" forName="left_32_1" refType="h" fact="0.24"/>
        <dgm:constr type="b" for="ch" forName="left_32_1" refType="h" fact="0.76"/>
        <dgm:constr type="ctrX" for="ch" forName="left_32_1" refType="w" fact="0.23"/>
        <dgm:constr type="w" for="ch" forName="left_32_2" refType="w" fact="0.37"/>
        <dgm:constr type="h" for="ch" forName="left_32_2" refType="h" fact="0.24"/>
        <dgm:constr type="b" for="ch" forName="left_32_2" refType="h" fact="0.535"/>
        <dgm:constr type="ctrX" for="ch" forName="left_32_2" refType="w" fact="0.217"/>
        <dgm:constr type="w" for="ch" forName="left_32_3" refType="w" fact="0.37"/>
        <dgm:constr type="h" for="ch" forName="left_32_3" refType="h" fact="0.24"/>
        <dgm:constr type="b" for="ch" forName="left_32_3" refType="h" fact="0.315"/>
        <dgm:constr type="ctrX" for="ch" forName="left_32_3" refType="w" fact="0.204"/>
        <dgm:constr type="w" for="ch" forName="right_32_1" refType="w" fact="0.37"/>
        <dgm:constr type="h" for="ch" forName="right_32_1" refType="h" fact="0.24"/>
        <dgm:constr type="b" for="ch" forName="right_32_1" refType="h" fact="0.715"/>
        <dgm:constr type="ctrX" for="ch" forName="right_32_1" refType="w" fact="0.745"/>
        <dgm:constr type="w" for="ch" forName="right_32_2" refType="w" fact="0.37"/>
        <dgm:constr type="h" for="ch" forName="right_32_2" refType="h" fact="0.24"/>
        <dgm:constr type="b" for="ch" forName="right_32_2" refType="h" fact="0.49"/>
        <dgm:constr type="ctrX" for="ch" forName="right_32_2" refType="w" fact="0.732"/>
        <dgm:constr type="w" for="ch" forName="right_33_1" refType="w" fact="0.36"/>
        <dgm:constr type="h" for="ch" forName="right_33_1" refType="h" fact="0.21"/>
        <dgm:constr type="b" for="ch" forName="right_33_1" refType="h" fact="0.725"/>
        <dgm:constr type="ctrX" for="ch" forName="right_33_1" refType="w" fact="0.76"/>
        <dgm:constr type="w" for="ch" forName="right_33_2" refType="w" fact="0.36"/>
        <dgm:constr type="h" for="ch" forName="right_33_2" refType="h" fact="0.21"/>
        <dgm:constr type="b" for="ch" forName="right_33_2" refType="h" fact="0.5"/>
        <dgm:constr type="ctrX" for="ch" forName="right_33_2" refType="w" fact="0.76"/>
        <dgm:constr type="w" for="ch" forName="right_33_3" refType="w" fact="0.36"/>
        <dgm:constr type="h" for="ch" forName="right_33_3" refType="h" fact="0.21"/>
        <dgm:constr type="b" for="ch" forName="right_33_3" refType="h" fact="0.275"/>
        <dgm:constr type="ctrX" for="ch" forName="right_33_3" refType="w" fact="0.76"/>
        <dgm:constr type="w" for="ch" forName="left_33_1" refType="w" fact="0.36"/>
        <dgm:constr type="h" for="ch" forName="left_33_1" refType="h" fact="0.21"/>
        <dgm:constr type="b" for="ch" forName="left_33_1" refType="h" fact="0.725"/>
        <dgm:constr type="ctrX" for="ch" forName="left_33_1" refType="w" fact="0.24"/>
        <dgm:constr type="w" for="ch" forName="left_33_2" refType="w" fact="0.36"/>
        <dgm:constr type="h" for="ch" forName="left_33_2" refType="h" fact="0.21"/>
        <dgm:constr type="b" for="ch" forName="left_33_2" refType="h" fact="0.5"/>
        <dgm:constr type="ctrX" for="ch" forName="left_33_2" refType="w" fact="0.24"/>
        <dgm:constr type="w" for="ch" forName="left_33_3" refType="w" fact="0.36"/>
        <dgm:constr type="h" for="ch" forName="left_33_3" refType="h" fact="0.21"/>
        <dgm:constr type="b" for="ch" forName="left_33_3" refType="h" fact="0.275"/>
        <dgm:constr type="ctrX" for="ch" forName="left_33_3" refType="w" fact="0.24"/>
        <dgm:constr type="w" for="ch" forName="right_04_1" refType="w" fact="0.365"/>
        <dgm:constr type="h" for="ch" forName="right_04_1" refType="h" fact="0.185"/>
        <dgm:constr type="b" for="ch" forName="right_04_1" refType="h" fact="0.76"/>
        <dgm:constr type="ctrX" for="ch" forName="right_04_1" refType="w" fact="0.77"/>
        <dgm:constr type="w" for="ch" forName="right_04_2" refType="w" fact="0.365"/>
        <dgm:constr type="h" for="ch" forName="right_04_2" refType="h" fact="0.185"/>
        <dgm:constr type="b" for="ch" forName="right_04_2" refType="h" fact="0.595"/>
        <dgm:constr type="ctrX" for="ch" forName="right_04_2" refType="w" fact="0.78"/>
        <dgm:constr type="w" for="ch" forName="right_04_3" refType="w" fact="0.365"/>
        <dgm:constr type="h" for="ch" forName="right_04_3" refType="h" fact="0.185"/>
        <dgm:constr type="b" for="ch" forName="right_04_3" refType="h" fact="0.43"/>
        <dgm:constr type="ctrX" for="ch" forName="right_04_3" refType="w" fact="0.79"/>
        <dgm:constr type="w" for="ch" forName="right_04_4" refType="w" fact="0.365"/>
        <dgm:constr type="h" for="ch" forName="right_04_4" refType="h" fact="0.185"/>
        <dgm:constr type="b" for="ch" forName="right_04_4" refType="h" fact="0.265"/>
        <dgm:constr type="ctrX" for="ch" forName="right_04_4" refType="w" fact="0.8"/>
        <dgm:constr type="w" for="ch" forName="left_40_1" refType="w" fact="0.365"/>
        <dgm:constr type="h" for="ch" forName="left_40_1" refType="h" fact="0.185"/>
        <dgm:constr type="b" for="ch" forName="left_40_1" refType="h" fact="0.76"/>
        <dgm:constr type="ctrX" for="ch" forName="left_40_1" refType="w" fact="0.23"/>
        <dgm:constr type="w" for="ch" forName="left_40_2" refType="w" fact="0.365"/>
        <dgm:constr type="h" for="ch" forName="left_40_2" refType="h" fact="0.185"/>
        <dgm:constr type="b" for="ch" forName="left_40_2" refType="h" fact="0.595"/>
        <dgm:constr type="ctrX" for="ch" forName="left_40_2" refType="w" fact="0.22"/>
        <dgm:constr type="w" for="ch" forName="left_40_3" refType="w" fact="0.365"/>
        <dgm:constr type="h" for="ch" forName="left_40_3" refType="h" fact="0.185"/>
        <dgm:constr type="b" for="ch" forName="left_40_3" refType="h" fact="0.43"/>
        <dgm:constr type="ctrX" for="ch" forName="left_40_3" refType="w" fact="0.21"/>
        <dgm:constr type="w" for="ch" forName="left_40_4" refType="w" fact="0.365"/>
        <dgm:constr type="h" for="ch" forName="left_40_4" refType="h" fact="0.185"/>
        <dgm:constr type="b" for="ch" forName="left_40_4" refType="h" fact="0.265"/>
        <dgm:constr type="ctrX" for="ch" forName="left_40_4" refType="w" fact="0.2"/>
        <dgm:constr type="w" for="ch" forName="right_14_1" refType="w" fact="0.365"/>
        <dgm:constr type="h" for="ch" forName="right_14_1" refType="h" fact="0.185"/>
        <dgm:constr type="b" for="ch" forName="right_14_1" refType="h" fact="0.76"/>
        <dgm:constr type="ctrX" for="ch" forName="right_14_1" refType="w" fact="0.77"/>
        <dgm:constr type="w" for="ch" forName="right_14_2" refType="w" fact="0.365"/>
        <dgm:constr type="h" for="ch" forName="right_14_2" refType="h" fact="0.185"/>
        <dgm:constr type="b" for="ch" forName="right_14_2" refType="h" fact="0.595"/>
        <dgm:constr type="ctrX" for="ch" forName="right_14_2" refType="w" fact="0.78"/>
        <dgm:constr type="w" for="ch" forName="right_14_3" refType="w" fact="0.365"/>
        <dgm:constr type="h" for="ch" forName="right_14_3" refType="h" fact="0.185"/>
        <dgm:constr type="b" for="ch" forName="right_14_3" refType="h" fact="0.43"/>
        <dgm:constr type="ctrX" for="ch" forName="right_14_3" refType="w" fact="0.79"/>
        <dgm:constr type="w" for="ch" forName="right_14_4" refType="w" fact="0.365"/>
        <dgm:constr type="h" for="ch" forName="right_14_4" refType="h" fact="0.185"/>
        <dgm:constr type="b" for="ch" forName="right_14_4" refType="h" fact="0.265"/>
        <dgm:constr type="ctrX" for="ch" forName="right_14_4" refType="w" fact="0.8"/>
        <dgm:constr type="w" for="ch" forName="left_14_1" refType="w" fact="0.365"/>
        <dgm:constr type="h" for="ch" forName="left_14_1" refType="h" fact="0.185"/>
        <dgm:constr type="b" for="ch" forName="left_14_1" refType="h" fact="0.715"/>
        <dgm:constr type="ctrX" for="ch" forName="left_14_1" refType="w" fact="0.25"/>
        <dgm:constr type="w" for="ch" forName="left_41_1" refType="w" fact="0.365"/>
        <dgm:constr type="h" for="ch" forName="left_41_1" refType="h" fact="0.185"/>
        <dgm:constr type="b" for="ch" forName="left_41_1" refType="h" fact="0.76"/>
        <dgm:constr type="ctrX" for="ch" forName="left_41_1" refType="w" fact="0.23"/>
        <dgm:constr type="w" for="ch" forName="left_41_2" refType="w" fact="0.365"/>
        <dgm:constr type="h" for="ch" forName="left_41_2" refType="h" fact="0.185"/>
        <dgm:constr type="b" for="ch" forName="left_41_2" refType="h" fact="0.595"/>
        <dgm:constr type="ctrX" for="ch" forName="left_41_2" refType="w" fact="0.22"/>
        <dgm:constr type="w" for="ch" forName="left_41_3" refType="w" fact="0.365"/>
        <dgm:constr type="h" for="ch" forName="left_41_3" refType="h" fact="0.185"/>
        <dgm:constr type="b" for="ch" forName="left_41_3" refType="h" fact="0.43"/>
        <dgm:constr type="ctrX" for="ch" forName="left_41_3" refType="w" fact="0.21"/>
        <dgm:constr type="w" for="ch" forName="left_41_4" refType="w" fact="0.365"/>
        <dgm:constr type="h" for="ch" forName="left_41_4" refType="h" fact="0.185"/>
        <dgm:constr type="b" for="ch" forName="left_41_4" refType="h" fact="0.265"/>
        <dgm:constr type="ctrX" for="ch" forName="left_41_4" refType="w" fact="0.2"/>
        <dgm:constr type="w" for="ch" forName="right_41_1" refType="w" fact="0.365"/>
        <dgm:constr type="h" for="ch" forName="right_41_1" refType="h" fact="0.185"/>
        <dgm:constr type="b" for="ch" forName="right_41_1" refType="h" fact="0.715"/>
        <dgm:constr type="ctrX" for="ch" forName="right_41_1" refType="w" fact="0.75"/>
        <dgm:constr type="w" for="ch" forName="right_24_1" refType="w" fact="0.365"/>
        <dgm:constr type="h" for="ch" forName="right_24_1" refType="h" fact="0.185"/>
        <dgm:constr type="b" for="ch" forName="right_24_1" refType="h" fact="0.76"/>
        <dgm:constr type="ctrX" for="ch" forName="right_24_1" refType="w" fact="0.77"/>
        <dgm:constr type="w" for="ch" forName="right_24_2" refType="w" fact="0.365"/>
        <dgm:constr type="h" for="ch" forName="right_24_2" refType="h" fact="0.185"/>
        <dgm:constr type="b" for="ch" forName="right_24_2" refType="h" fact="0.595"/>
        <dgm:constr type="ctrX" for="ch" forName="right_24_2" refType="w" fact="0.78"/>
        <dgm:constr type="w" for="ch" forName="right_24_3" refType="w" fact="0.365"/>
        <dgm:constr type="h" for="ch" forName="right_24_3" refType="h" fact="0.185"/>
        <dgm:constr type="b" for="ch" forName="right_24_3" refType="h" fact="0.43"/>
        <dgm:constr type="ctrX" for="ch" forName="right_24_3" refType="w" fact="0.79"/>
        <dgm:constr type="w" for="ch" forName="right_24_4" refType="w" fact="0.365"/>
        <dgm:constr type="h" for="ch" forName="right_24_4" refType="h" fact="0.185"/>
        <dgm:constr type="b" for="ch" forName="right_24_4" refType="h" fact="0.265"/>
        <dgm:constr type="ctrX" for="ch" forName="right_24_4" refType="w" fact="0.8"/>
        <dgm:constr type="w" for="ch" forName="left_24_1" refType="w" fact="0.365"/>
        <dgm:constr type="h" for="ch" forName="left_24_1" refType="h" fact="0.185"/>
        <dgm:constr type="b" for="ch" forName="left_24_1" refType="h" fact="0.715"/>
        <dgm:constr type="ctrX" for="ch" forName="left_24_1" refType="w" fact="0.25"/>
        <dgm:constr type="w" for="ch" forName="left_24_2" refType="w" fact="0.365"/>
        <dgm:constr type="h" for="ch" forName="left_24_2" refType="h" fact="0.185"/>
        <dgm:constr type="b" for="ch" forName="left_24_2" refType="h" fact="0.55"/>
        <dgm:constr type="ctrX" for="ch" forName="left_24_2" refType="w" fact="0.26"/>
        <dgm:constr type="w" for="ch" forName="left_42_1" refType="w" fact="0.365"/>
        <dgm:constr type="h" for="ch" forName="left_42_1" refType="h" fact="0.185"/>
        <dgm:constr type="b" for="ch" forName="left_42_1" refType="h" fact="0.76"/>
        <dgm:constr type="ctrX" for="ch" forName="left_42_1" refType="w" fact="0.23"/>
        <dgm:constr type="w" for="ch" forName="left_42_2" refType="w" fact="0.365"/>
        <dgm:constr type="h" for="ch" forName="left_42_2" refType="h" fact="0.185"/>
        <dgm:constr type="b" for="ch" forName="left_42_2" refType="h" fact="0.595"/>
        <dgm:constr type="ctrX" for="ch" forName="left_42_2" refType="w" fact="0.22"/>
        <dgm:constr type="w" for="ch" forName="left_42_3" refType="w" fact="0.365"/>
        <dgm:constr type="h" for="ch" forName="left_42_3" refType="h" fact="0.185"/>
        <dgm:constr type="b" for="ch" forName="left_42_3" refType="h" fact="0.43"/>
        <dgm:constr type="ctrX" for="ch" forName="left_42_3" refType="w" fact="0.21"/>
        <dgm:constr type="w" for="ch" forName="left_42_4" refType="w" fact="0.365"/>
        <dgm:constr type="h" for="ch" forName="left_42_4" refType="h" fact="0.185"/>
        <dgm:constr type="b" for="ch" forName="left_42_4" refType="h" fact="0.265"/>
        <dgm:constr type="ctrX" for="ch" forName="left_42_4" refType="w" fact="0.2"/>
        <dgm:constr type="w" for="ch" forName="right_42_1" refType="w" fact="0.365"/>
        <dgm:constr type="h" for="ch" forName="right_42_1" refType="h" fact="0.185"/>
        <dgm:constr type="b" for="ch" forName="right_42_1" refType="h" fact="0.715"/>
        <dgm:constr type="ctrX" for="ch" forName="right_42_1" refType="w" fact="0.75"/>
        <dgm:constr type="w" for="ch" forName="right_42_2" refType="w" fact="0.365"/>
        <dgm:constr type="h" for="ch" forName="right_42_2" refType="h" fact="0.185"/>
        <dgm:constr type="b" for="ch" forName="right_42_2" refType="h" fact="0.55"/>
        <dgm:constr type="ctrX" for="ch" forName="right_42_2" refType="w" fact="0.74"/>
        <dgm:constr type="w" for="ch" forName="right_34_1" refType="w" fact="0.365"/>
        <dgm:constr type="h" for="ch" forName="right_34_1" refType="h" fact="0.185"/>
        <dgm:constr type="b" for="ch" forName="right_34_1" refType="h" fact="0.76"/>
        <dgm:constr type="ctrX" for="ch" forName="right_34_1" refType="w" fact="0.77"/>
        <dgm:constr type="w" for="ch" forName="right_34_2" refType="w" fact="0.365"/>
        <dgm:constr type="h" for="ch" forName="right_34_2" refType="h" fact="0.185"/>
        <dgm:constr type="b" for="ch" forName="right_34_2" refType="h" fact="0.595"/>
        <dgm:constr type="ctrX" for="ch" forName="right_34_2" refType="w" fact="0.78"/>
        <dgm:constr type="w" for="ch" forName="right_34_3" refType="w" fact="0.365"/>
        <dgm:constr type="h" for="ch" forName="right_34_3" refType="h" fact="0.185"/>
        <dgm:constr type="b" for="ch" forName="right_34_3" refType="h" fact="0.43"/>
        <dgm:constr type="ctrX" for="ch" forName="right_34_3" refType="w" fact="0.79"/>
        <dgm:constr type="w" for="ch" forName="right_34_4" refType="w" fact="0.365"/>
        <dgm:constr type="h" for="ch" forName="right_34_4" refType="h" fact="0.185"/>
        <dgm:constr type="b" for="ch" forName="right_34_4" refType="h" fact="0.265"/>
        <dgm:constr type="ctrX" for="ch" forName="right_34_4" refType="w" fact="0.8"/>
        <dgm:constr type="w" for="ch" forName="left_34_1" refType="w" fact="0.365"/>
        <dgm:constr type="h" for="ch" forName="left_34_1" refType="h" fact="0.185"/>
        <dgm:constr type="b" for="ch" forName="left_34_1" refType="h" fact="0.715"/>
        <dgm:constr type="ctrX" for="ch" forName="left_34_1" refType="w" fact="0.25"/>
        <dgm:constr type="w" for="ch" forName="left_34_2" refType="w" fact="0.365"/>
        <dgm:constr type="h" for="ch" forName="left_34_2" refType="h" fact="0.185"/>
        <dgm:constr type="b" for="ch" forName="left_34_2" refType="h" fact="0.55"/>
        <dgm:constr type="ctrX" for="ch" forName="left_34_2" refType="w" fact="0.26"/>
        <dgm:constr type="w" for="ch" forName="left_34_3" refType="w" fact="0.365"/>
        <dgm:constr type="h" for="ch" forName="left_34_3" refType="h" fact="0.185"/>
        <dgm:constr type="b" for="ch" forName="left_34_3" refType="h" fact="0.385"/>
        <dgm:constr type="ctrX" for="ch" forName="left_34_3" refType="w" fact="0.27"/>
        <dgm:constr type="w" for="ch" forName="left_43_1" refType="w" fact="0.365"/>
        <dgm:constr type="h" for="ch" forName="left_43_1" refType="h" fact="0.185"/>
        <dgm:constr type="b" for="ch" forName="left_43_1" refType="h" fact="0.76"/>
        <dgm:constr type="ctrX" for="ch" forName="left_43_1" refType="w" fact="0.23"/>
        <dgm:constr type="w" for="ch" forName="left_43_2" refType="w" fact="0.365"/>
        <dgm:constr type="h" for="ch" forName="left_43_2" refType="h" fact="0.185"/>
        <dgm:constr type="b" for="ch" forName="left_43_2" refType="h" fact="0.595"/>
        <dgm:constr type="ctrX" for="ch" forName="left_43_2" refType="w" fact="0.22"/>
        <dgm:constr type="w" for="ch" forName="left_43_3" refType="w" fact="0.365"/>
        <dgm:constr type="h" for="ch" forName="left_43_3" refType="h" fact="0.185"/>
        <dgm:constr type="b" for="ch" forName="left_43_3" refType="h" fact="0.43"/>
        <dgm:constr type="ctrX" for="ch" forName="left_43_3" refType="w" fact="0.21"/>
        <dgm:constr type="w" for="ch" forName="left_43_4" refType="w" fact="0.365"/>
        <dgm:constr type="h" for="ch" forName="left_43_4" refType="h" fact="0.185"/>
        <dgm:constr type="b" for="ch" forName="left_43_4" refType="h" fact="0.265"/>
        <dgm:constr type="ctrX" for="ch" forName="left_43_4" refType="w" fact="0.2"/>
        <dgm:constr type="w" for="ch" forName="right_43_1" refType="w" fact="0.365"/>
        <dgm:constr type="h" for="ch" forName="right_43_1" refType="h" fact="0.185"/>
        <dgm:constr type="b" for="ch" forName="right_43_1" refType="h" fact="0.715"/>
        <dgm:constr type="ctrX" for="ch" forName="right_43_1" refType="w" fact="0.75"/>
        <dgm:constr type="w" for="ch" forName="right_43_2" refType="w" fact="0.365"/>
        <dgm:constr type="h" for="ch" forName="right_43_2" refType="h" fact="0.185"/>
        <dgm:constr type="b" for="ch" forName="right_43_2" refType="h" fact="0.55"/>
        <dgm:constr type="ctrX" for="ch" forName="right_43_2" refType="w" fact="0.74"/>
        <dgm:constr type="w" for="ch" forName="right_43_3" refType="w" fact="0.365"/>
        <dgm:constr type="h" for="ch" forName="right_43_3" refType="h" fact="0.185"/>
        <dgm:constr type="b" for="ch" forName="right_43_3" refType="h" fact="0.385"/>
        <dgm:constr type="ctrX" for="ch" forName="right_43_3" refType="w" fact="0.73"/>
        <dgm:constr type="w" for="ch" forName="right_44_1" refType="w" fact="0.36"/>
        <dgm:constr type="h" for="ch" forName="right_44_1" refType="h" fact="0.154"/>
        <dgm:constr type="b" for="ch" forName="right_44_1" refType="h" fact="0.725"/>
        <dgm:constr type="ctrX" for="ch" forName="right_44_1" refType="w" fact="0.76"/>
        <dgm:constr type="w" for="ch" forName="right_44_2" refType="w" fact="0.36"/>
        <dgm:constr type="h" for="ch" forName="right_44_2" refType="h" fact="0.154"/>
        <dgm:constr type="b" for="ch" forName="right_44_2" refType="h" fact="0.559"/>
        <dgm:constr type="ctrX" for="ch" forName="right_44_2" refType="w" fact="0.76"/>
        <dgm:constr type="w" for="ch" forName="right_44_3" refType="w" fact="0.36"/>
        <dgm:constr type="h" for="ch" forName="right_44_3" refType="h" fact="0.154"/>
        <dgm:constr type="b" for="ch" forName="right_44_3" refType="h" fact="0.393"/>
        <dgm:constr type="ctrX" for="ch" forName="right_44_3" refType="w" fact="0.76"/>
        <dgm:constr type="w" for="ch" forName="right_44_4" refType="w" fact="0.36"/>
        <dgm:constr type="h" for="ch" forName="right_44_4" refType="h" fact="0.154"/>
        <dgm:constr type="b" for="ch" forName="right_44_4" refType="h" fact="0.224"/>
        <dgm:constr type="ctrX" for="ch" forName="right_44_4" refType="w" fact="0.76"/>
        <dgm:constr type="w" for="ch" forName="left_44_1" refType="w" fact="0.36"/>
        <dgm:constr type="h" for="ch" forName="left_44_1" refType="h" fact="0.154"/>
        <dgm:constr type="b" for="ch" forName="left_44_1" refType="h" fact="0.725"/>
        <dgm:constr type="ctrX" for="ch" forName="left_44_1" refType="w" fact="0.24"/>
        <dgm:constr type="w" for="ch" forName="left_44_2" refType="w" fact="0.36"/>
        <dgm:constr type="h" for="ch" forName="left_44_2" refType="h" fact="0.154"/>
        <dgm:constr type="b" for="ch" forName="left_44_2" refType="h" fact="0.559"/>
        <dgm:constr type="ctrX" for="ch" forName="left_44_2" refType="w" fact="0.24"/>
        <dgm:constr type="w" for="ch" forName="left_44_3" refType="w" fact="0.36"/>
        <dgm:constr type="h" for="ch" forName="left_44_3" refType="h" fact="0.154"/>
        <dgm:constr type="b" for="ch" forName="left_44_3" refType="h" fact="0.393"/>
        <dgm:constr type="ctrX" for="ch" forName="left_44_3" refType="w" fact="0.24"/>
        <dgm:constr type="w" for="ch" forName="left_44_4" refType="w" fact="0.36"/>
        <dgm:constr type="h" for="ch" forName="left_44_4" refType="h" fact="0.154"/>
        <dgm:constr type="b" for="ch" forName="left_44_4" refType="h" fact="0.224"/>
        <dgm:constr type="ctrX" for="ch" forName="left_44_4" refType="w" fact="0.24"/>
      </dgm:constrLst>
      <dgm:ruleLst/>
      <dgm:layoutNode name="dummyMaxCanvas_ChildArea">
        <dgm:alg type="sp"/>
        <dgm:shape xmlns:r="http://schemas.openxmlformats.org/officeDocument/2006/relationships" r:blip="">
          <dgm:adjLst/>
        </dgm:shape>
        <dgm:presOf/>
        <dgm:constrLst/>
        <dgm:ruleLst/>
      </dgm:layoutNode>
      <dgm:layoutNode name="fulcrum" styleLbl="alignAccFollowNode1">
        <dgm:alg type="sp"/>
        <dgm:shape xmlns:r="http://schemas.openxmlformats.org/officeDocument/2006/relationships" type="triangle" r:blip="">
          <dgm:adjLst/>
        </dgm:shape>
        <dgm:presOf/>
        <dgm:constrLst/>
        <dgm:ruleLst/>
      </dgm:layoutNode>
      <dgm:choose name="Name0">
        <dgm:if name="Name1" axis="ch ch" ptType="node node" st="1 1" cnt="1 0" func="cnt" op="equ" val="0">
          <dgm:choose name="Name2">
            <dgm:if name="Name3" axis="ch ch" ptType="node node" st="2 1" cnt="1 0" func="cnt" op="equ" val="0">
              <dgm:layoutNode name="balance_00" styleLbl="alignAccFollowNode1">
                <dgm:varLst>
                  <dgm:bulletEnabled val="1"/>
                </dgm:varLst>
                <dgm:alg type="sp"/>
                <dgm:shape xmlns:r="http://schemas.openxmlformats.org/officeDocument/2006/relationships" type="rect" r:blip="">
                  <dgm:adjLst/>
                </dgm:shape>
                <dgm:presOf/>
                <dgm:constrLst/>
                <dgm:ruleLst/>
              </dgm:layoutNode>
            </dgm:if>
            <dgm:else name="Name4">
              <dgm:choose name="Name5">
                <dgm:if name="Name6" axis="ch ch" ptType="node node" st="2 1" cnt="1 0" func="cnt" op="equ" val="1">
                  <dgm:layoutNode name="balance_01" styleLbl="alignAccFollowNode1">
                    <dgm:varLst>
                      <dgm:bulletEnabled val="1"/>
                    </dgm:varLst>
                    <dgm:alg type="sp"/>
                    <dgm:shape xmlns:r="http://schemas.openxmlformats.org/officeDocument/2006/relationships" rot="4" type="rect" r:blip="">
                      <dgm:adjLst/>
                    </dgm:shape>
                    <dgm:presOf/>
                    <dgm:constrLst/>
                    <dgm:ruleLst/>
                  </dgm:layoutNode>
                  <dgm:layoutNode name="right_01_1" styleLbl="node1">
                    <dgm:varLst>
                      <dgm:bulletEnabled val="1"/>
                    </dgm:varLst>
                    <dgm:alg type="tx"/>
                    <dgm:shape xmlns:r="http://schemas.openxmlformats.org/officeDocument/2006/relationships" rot="4" type="roundRect" r:blip="">
                      <dgm:adjLst/>
                    </dgm:shape>
                    <dgm:presOf axis="ch ch desOrSelf" ptType="node node node" st="2 1 1" cnt="1 1 0"/>
                    <dgm:constrLst>
                      <dgm:constr type="lMarg" refType="primFontSz" fact="0.3"/>
                      <dgm:constr type="rMarg" refType="primFontSz" fact="0.3"/>
                      <dgm:constr type="tMarg" refType="primFontSz" fact="0.3"/>
                      <dgm:constr type="bMarg" refType="primFontSz" fact="0.3"/>
                    </dgm:constrLst>
                    <dgm:ruleLst>
                      <dgm:rule type="primFontSz" val="5" fact="NaN" max="NaN"/>
                    </dgm:ruleLst>
                  </dgm:layoutNode>
                </dgm:if>
                <dgm:else name="Name7">
                  <dgm:choose name="Name8">
                    <dgm:if name="Name9" axis="ch ch" ptType="node node" st="2 1" cnt="1 0" func="cnt" op="equ" val="2">
                      <dgm:layoutNode name="balance_02" styleLbl="alignAccFollowNode1">
                        <dgm:varLst>
                          <dgm:bulletEnabled val="1"/>
                        </dgm:varLst>
                        <dgm:alg type="sp"/>
                        <dgm:shape xmlns:r="http://schemas.openxmlformats.org/officeDocument/2006/relationships" rot="4" type="rect" r:blip="">
                          <dgm:adjLst/>
                        </dgm:shape>
                        <dgm:presOf/>
                        <dgm:constrLst/>
                        <dgm:ruleLst/>
                      </dgm:layoutNode>
                      <dgm:layoutNode name="right_02_1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rot="4" type="roundRect" r:blip="">
                          <dgm:adjLst/>
                        </dgm:shape>
                        <dgm:presOf axis="ch ch desOrSelf" ptType="node node node" st="2 1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  <dgm:layoutNode name="right_02_2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rot="4" type="roundRect" r:blip="">
                          <dgm:adjLst/>
                        </dgm:shape>
                        <dgm:presOf axis="ch ch desOrSelf" ptType="node node node" st="2 2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</dgm:if>
                    <dgm:else name="Name10">
                      <dgm:choose name="Name11">
                        <dgm:if name="Name12" axis="ch ch" ptType="node node" st="2 1" cnt="1 0" func="cnt" op="equ" val="3">
                          <dgm:layoutNode name="balance_03" styleLbl="alignAccFollowNode1">
                            <dgm:varLst>
                              <dgm:bulletEnabled val="1"/>
                            </dgm:varLst>
                            <dgm:alg type="sp"/>
                            <dgm:shape xmlns:r="http://schemas.openxmlformats.org/officeDocument/2006/relationships" rot="4" type="rect" r:blip="">
                              <dgm:adjLst/>
                            </dgm:shape>
                            <dgm:presOf/>
                            <dgm:constrLst/>
                            <dgm:ruleLst/>
                          </dgm:layoutNode>
                          <dgm:layoutNode name="right_03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2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right_03_2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2 2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right_03_3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2 3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</dgm:if>
                        <dgm:else name="Name13">
                          <dgm:choose name="Name14">
                            <dgm:if name="Name15" axis="ch ch" ptType="node node" st="2 1" cnt="1 0" func="cnt" op="gte" val="4">
                              <dgm:layoutNode name="balance_04" styleLbl="alignAccFollowNode1">
                                <dgm:varLst>
                                  <dgm:bulletEnabled val="1"/>
                                </dgm:varLst>
                                <dgm:alg type="sp"/>
                                <dgm:shape xmlns:r="http://schemas.openxmlformats.org/officeDocument/2006/relationships" rot="4" type="rect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  <dgm:layoutNode name="right_04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04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04_3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3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04_4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4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</dgm:if>
                            <dgm:else name="Name16"/>
                          </dgm:choose>
                        </dgm:else>
                      </dgm:choose>
                    </dgm:else>
                  </dgm:choose>
                </dgm:else>
              </dgm:choose>
            </dgm:else>
          </dgm:choose>
        </dgm:if>
        <dgm:else name="Name17">
          <dgm:choose name="Name18">
            <dgm:if name="Name19" axis="ch ch" ptType="node node" st="1 1" cnt="1 0" func="cnt" op="equ" val="1">
              <dgm:choose name="Name20">
                <dgm:if name="Name21" axis="ch ch" ptType="node node" st="2 1" cnt="1 0" func="cnt" op="equ" val="0">
                  <dgm:layoutNode name="balance_10" styleLbl="alignAccFollowNode1">
                    <dgm:varLst>
                      <dgm:bulletEnabled val="1"/>
                    </dgm:varLst>
                    <dgm:alg type="sp"/>
                    <dgm:shape xmlns:r="http://schemas.openxmlformats.org/officeDocument/2006/relationships" rot="-4" type="rect" r:blip="">
                      <dgm:adjLst/>
                    </dgm:shape>
                    <dgm:presOf/>
                    <dgm:constrLst/>
                    <dgm:ruleLst/>
                  </dgm:layoutNode>
                  <dgm:layoutNode name="left_10_1" styleLbl="node1">
                    <dgm:varLst>
                      <dgm:bulletEnabled val="1"/>
                    </dgm:varLst>
                    <dgm:alg type="tx"/>
                    <dgm:shape xmlns:r="http://schemas.openxmlformats.org/officeDocument/2006/relationships" rot="-4" type="roundRect" r:blip="">
                      <dgm:adjLst/>
                    </dgm:shape>
                    <dgm:presOf axis="ch ch desOrSelf" ptType="node node node" st="1 1 1" cnt="1 1 0"/>
                    <dgm:constrLst>
                      <dgm:constr type="lMarg" refType="primFontSz" fact="0.3"/>
                      <dgm:constr type="rMarg" refType="primFontSz" fact="0.3"/>
                      <dgm:constr type="tMarg" refType="primFontSz" fact="0.3"/>
                      <dgm:constr type="bMarg" refType="primFontSz" fact="0.3"/>
                    </dgm:constrLst>
                    <dgm:ruleLst>
                      <dgm:rule type="primFontSz" val="5" fact="NaN" max="NaN"/>
                    </dgm:ruleLst>
                  </dgm:layoutNode>
                </dgm:if>
                <dgm:else name="Name22">
                  <dgm:choose name="Name23">
                    <dgm:if name="Name24" axis="ch ch" ptType="node node" st="2 1" cnt="1 0" func="cnt" op="equ" val="1">
                      <dgm:layoutNode name="balance_11" styleLbl="alignAccFollowNode1">
                        <dgm:varLst>
                          <dgm:bulletEnabled val="1"/>
                        </dgm:varLst>
                        <dgm:alg type="sp"/>
                        <dgm:shape xmlns:r="http://schemas.openxmlformats.org/officeDocument/2006/relationships" type="rect" r:blip="">
                          <dgm:adjLst/>
                        </dgm:shape>
                        <dgm:presOf/>
                        <dgm:constrLst/>
                        <dgm:ruleLst/>
                      </dgm:layoutNode>
                      <dgm:layoutNode name="left_11_1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type="roundRect" r:blip="">
                          <dgm:adjLst/>
                        </dgm:shape>
                        <dgm:presOf axis="ch ch desOrSelf" ptType="node node node" st="1 1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  <dgm:layoutNode name="right_11_1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type="roundRect" r:blip="">
                          <dgm:adjLst/>
                        </dgm:shape>
                        <dgm:presOf axis="ch ch desOrSelf" ptType="node node node" st="2 1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</dgm:if>
                    <dgm:else name="Name25">
                      <dgm:choose name="Name26">
                        <dgm:if name="Name27" axis="ch ch" ptType="node node" st="2 1" cnt="1 0" func="cnt" op="equ" val="2">
                          <dgm:layoutNode name="balance_12" styleLbl="alignAccFollowNode1">
                            <dgm:varLst>
                              <dgm:bulletEnabled val="1"/>
                            </dgm:varLst>
                            <dgm:alg type="sp"/>
                            <dgm:shape xmlns:r="http://schemas.openxmlformats.org/officeDocument/2006/relationships" rot="4" type="rect" r:blip="">
                              <dgm:adjLst/>
                            </dgm:shape>
                            <dgm:presOf/>
                            <dgm:constrLst/>
                            <dgm:ruleLst/>
                          </dgm:layoutNode>
                          <dgm:layoutNode name="right_12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2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right_12_2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2 2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left_12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4" type="roundRect" r:blip="">
                              <dgm:adjLst/>
                            </dgm:shape>
                            <dgm:presOf axis="ch ch desOrSelf" ptType="node node node" st="1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</dgm:if>
                        <dgm:else name="Name28">
                          <dgm:choose name="Name29">
                            <dgm:if name="Name30" axis="ch ch" ptType="node node" st="2 1" cnt="1 0" func="cnt" op="equ" val="3">
                              <dgm:layoutNode name="balance_13" styleLbl="alignAccFollowNode1">
                                <dgm:varLst>
                                  <dgm:bulletEnabled val="1"/>
                                </dgm:varLst>
                                <dgm:alg type="sp"/>
                                <dgm:shape xmlns:r="http://schemas.openxmlformats.org/officeDocument/2006/relationships" rot="4" type="rect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  <dgm:layoutNode name="right_13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13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13_3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2 3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13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4" type="roundRect" r:blip="">
                                  <dgm:adjLst/>
                                </dgm:shape>
                                <dgm:presOf axis="ch ch desOrSelf" ptType="node node node" st="1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</dgm:if>
                            <dgm:else name="Name31">
                              <dgm:choose name="Name32">
                                <dgm:if name="Name33" axis="ch ch" ptType="node node" st="2 1" cnt="1 0" func="cnt" op="gte" val="4">
                                  <dgm:layoutNode name="balance_14" styleLbl="alignAccFollowNode1">
                                    <dgm:varLst>
                                      <dgm:bulletEnabled val="1"/>
                                    </dgm:varLst>
                                    <dgm:alg type="sp"/>
                                    <dgm:shape xmlns:r="http://schemas.openxmlformats.org/officeDocument/2006/relationships" rot="4" type="rect" r:blip="">
                                      <dgm:adjLst/>
                                    </dgm:shape>
                                    <dgm:presOf/>
                                    <dgm:constrLst/>
                                    <dgm:ruleLst/>
                                  </dgm:layoutNode>
                                  <dgm:layoutNode name="right_14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14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14_3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3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14_4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4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14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1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</dgm:if>
                                <dgm:else name="Name34"/>
                              </dgm:choose>
                            </dgm:else>
                          </dgm:choose>
                        </dgm:else>
                      </dgm:choose>
                    </dgm:else>
                  </dgm:choose>
                </dgm:else>
              </dgm:choose>
            </dgm:if>
            <dgm:else name="Name35">
              <dgm:choose name="Name36">
                <dgm:if name="Name37" axis="ch ch" ptType="node node" st="1 1" cnt="1 0" func="cnt" op="equ" val="2">
                  <dgm:choose name="Name38">
                    <dgm:if name="Name39" axis="ch ch" ptType="node node" st="2 1" cnt="1 0" func="cnt" op="equ" val="0">
                      <dgm:layoutNode name="balance_20" styleLbl="alignAccFollowNode1">
                        <dgm:varLst>
                          <dgm:bulletEnabled val="1"/>
                        </dgm:varLst>
                        <dgm:alg type="sp"/>
                        <dgm:shape xmlns:r="http://schemas.openxmlformats.org/officeDocument/2006/relationships" rot="-4" type="rect" r:blip="">
                          <dgm:adjLst/>
                        </dgm:shape>
                        <dgm:presOf/>
                        <dgm:constrLst/>
                        <dgm:ruleLst/>
                      </dgm:layoutNode>
                      <dgm:layoutNode name="left_20_1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rot="-4" type="roundRect" r:blip="">
                          <dgm:adjLst/>
                        </dgm:shape>
                        <dgm:presOf axis="ch ch desOrSelf" ptType="node node node" st="1 1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  <dgm:layoutNode name="left_20_2" styleLbl="node1">
                        <dgm:varLst>
                          <dgm:bulletEnabled val="1"/>
                        </dgm:varLst>
                        <dgm:alg type="tx"/>
                        <dgm:shape xmlns:r="http://schemas.openxmlformats.org/officeDocument/2006/relationships" rot="-4" type="roundRect" r:blip="">
                          <dgm:adjLst/>
                        </dgm:shape>
                        <dgm:presOf axis="ch ch desOrSelf" ptType="node node node" st="1 2 1" cnt="1 1 0"/>
                        <dgm:constrLst>
                          <dgm:constr type="lMarg" refType="primFontSz" fact="0.3"/>
                          <dgm:constr type="rMarg" refType="primFontSz" fact="0.3"/>
                          <dgm:constr type="tMarg" refType="primFontSz" fact="0.3"/>
                          <dgm:constr type="b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</dgm:if>
                    <dgm:else name="Name40">
                      <dgm:choose name="Name41">
                        <dgm:if name="Name42" axis="ch ch" ptType="node node" st="2 1" cnt="1 0" func="cnt" op="equ" val="1">
                          <dgm:layoutNode name="balance_21" styleLbl="alignAccFollowNode1">
                            <dgm:varLst>
                              <dgm:bulletEnabled val="1"/>
                            </dgm:varLst>
                            <dgm:alg type="sp"/>
                            <dgm:shape xmlns:r="http://schemas.openxmlformats.org/officeDocument/2006/relationships" rot="-4" type="rect" r:blip="">
                              <dgm:adjLst/>
                            </dgm:shape>
                            <dgm:presOf/>
                            <dgm:constrLst/>
                            <dgm:ruleLst/>
                          </dgm:layoutNode>
                          <dgm:layoutNode name="left_21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1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left_21_2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1 2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right_21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2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</dgm:if>
                        <dgm:else name="Name43">
                          <dgm:choose name="Name44">
                            <dgm:if name="Name45" axis="ch ch" ptType="node node" st="2 1" cnt="1 0" func="cnt" op="equ" val="2">
                              <dgm:layoutNode name="balance_22" styleLbl="alignAccFollowNode1">
                                <dgm:varLst>
                                  <dgm:bulletEnabled val="1"/>
                                </dgm:varLst>
                                <dgm:alg type="sp"/>
                                <dgm:shape xmlns:r="http://schemas.openxmlformats.org/officeDocument/2006/relationships" type="rect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  <dgm:layoutNode name="right_22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type="roundRect" r:blip="">
                                  <dgm:adjLst/>
                                </dgm:shape>
                                <dgm:presOf axis="ch ch desOrSelf" ptType="node node node" st="2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22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type="roundRect" r:blip="">
                                  <dgm:adjLst/>
                                </dgm:shape>
                                <dgm:presOf axis="ch ch desOrSelf" ptType="node node node" st="2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22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type="roundRect" r:blip="">
                                  <dgm:adjLst/>
                                </dgm:shape>
                                <dgm:presOf axis="ch ch desOrSelf" ptType="node node node" st="1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22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type="roundRect" r:blip="">
                                  <dgm:adjLst/>
                                </dgm:shape>
                                <dgm:presOf axis="ch ch desOrSelf" ptType="node node node" st="1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</dgm:if>
                            <dgm:else name="Name46">
                              <dgm:choose name="Name47">
                                <dgm:if name="Name48" axis="ch ch" ptType="node node" st="2 1" cnt="1 0" func="cnt" op="equ" val="3">
                                  <dgm:layoutNode name="balance_23" styleLbl="alignAccFollowNode1">
                                    <dgm:varLst>
                                      <dgm:bulletEnabled val="1"/>
                                    </dgm:varLst>
                                    <dgm:alg type="sp"/>
                                    <dgm:shape xmlns:r="http://schemas.openxmlformats.org/officeDocument/2006/relationships" rot="4" type="rect" r:blip="">
                                      <dgm:adjLst/>
                                    </dgm:shape>
                                    <dgm:presOf/>
                                    <dgm:constrLst/>
                                    <dgm:ruleLst/>
                                  </dgm:layoutNode>
                                  <dgm:layoutNode name="right_23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23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23_3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2 3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23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1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23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4" type="roundRect" r:blip="">
                                      <dgm:adjLst/>
                                    </dgm:shape>
                                    <dgm:presOf axis="ch ch desOrSelf" ptType="node node node" st="1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</dgm:if>
                                <dgm:else name="Name49">
                                  <dgm:choose name="Name50">
                                    <dgm:if name="Name51" axis="ch ch" ptType="node node" st="2 1" cnt="1 0" func="cnt" op="gte" val="4">
                                      <dgm:layoutNode name="balance_24" styleLbl="alignAccFollowNode1">
                                        <dgm:varLst>
                                          <dgm:bulletEnabled val="1"/>
                                        </dgm:varLst>
                                        <dgm:alg type="sp"/>
                                        <dgm:shape xmlns:r="http://schemas.openxmlformats.org/officeDocument/2006/relationships" rot="4" type="rect" r:blip="">
                                          <dgm:adjLst/>
                                        </dgm:shape>
                                        <dgm:presOf/>
                                        <dgm:constrLst/>
                                        <dgm:ruleLst/>
                                      </dgm:layoutNode>
                                      <dgm:layoutNode name="right_24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2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24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2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24_3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2 3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24_4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2 4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24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1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24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4" type="roundRect" r:blip="">
                                          <dgm:adjLst/>
                                        </dgm:shape>
                                        <dgm:presOf axis="ch ch desOrSelf" ptType="node node node" st="1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</dgm:if>
                                    <dgm:else name="Name52"/>
                                  </dgm:choose>
                                </dgm:else>
                              </dgm:choose>
                            </dgm:else>
                          </dgm:choose>
                        </dgm:else>
                      </dgm:choose>
                    </dgm:else>
                  </dgm:choose>
                </dgm:if>
                <dgm:else name="Name53">
                  <dgm:choose name="Name54">
                    <dgm:if name="Name55" axis="ch ch" ptType="node node" st="1 1" cnt="1 0" func="cnt" op="equ" val="3">
                      <dgm:choose name="Name56">
                        <dgm:if name="Name57" axis="ch ch" ptType="node node" st="2 1" cnt="1 0" func="cnt" op="equ" val="0">
                          <dgm:layoutNode name="balance_30" styleLbl="alignAccFollowNode1">
                            <dgm:varLst>
                              <dgm:bulletEnabled val="1"/>
                            </dgm:varLst>
                            <dgm:alg type="sp"/>
                            <dgm:shape xmlns:r="http://schemas.openxmlformats.org/officeDocument/2006/relationships" rot="-4" type="rect" r:blip="">
                              <dgm:adjLst/>
                            </dgm:shape>
                            <dgm:presOf/>
                            <dgm:constrLst/>
                            <dgm:ruleLst/>
                          </dgm:layoutNode>
                          <dgm:layoutNode name="left_30_1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1 1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left_30_2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1 2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layoutNode name="left_30_3" styleLbl="node1">
                            <dgm:varLst>
                              <dgm:bulletEnabled val="1"/>
                            </dgm:varLst>
                            <dgm:alg type="tx"/>
                            <dgm:shape xmlns:r="http://schemas.openxmlformats.org/officeDocument/2006/relationships" rot="-4" type="roundRect" r:blip="">
                              <dgm:adjLst/>
                            </dgm:shape>
                            <dgm:presOf axis="ch ch desOrSelf" ptType="node node node" st="1 3 1" cnt="1 1 0"/>
                            <dgm:constrLst>
                              <dgm:constr type="lMarg" refType="primFontSz" fact="0.3"/>
                              <dgm:constr type="rMarg" refType="primFontSz" fact="0.3"/>
                              <dgm:constr type="tMarg" refType="primFontSz" fact="0.3"/>
                              <dgm:constr type="b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</dgm:if>
                        <dgm:else name="Name58">
                          <dgm:choose name="Name59">
                            <dgm:if name="Name60" axis="ch ch" ptType="node node" st="2 1" cnt="1 0" func="cnt" op="equ" val="1">
                              <dgm:layoutNode name="balance_31" styleLbl="alignAccFollowNode1">
                                <dgm:varLst>
                                  <dgm:bulletEnabled val="1"/>
                                </dgm:varLst>
                                <dgm:alg type="sp"/>
                                <dgm:shape xmlns:r="http://schemas.openxmlformats.org/officeDocument/2006/relationships" rot="-4" type="rect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  <dgm:layoutNode name="left_31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31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31_3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3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right_31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2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</dgm:if>
                            <dgm:else name="Name61">
                              <dgm:choose name="Name62">
                                <dgm:if name="Name63" axis="ch ch" ptType="node node" st="2 1" cnt="1 0" func="cnt" op="equ" val="2">
                                  <dgm:layoutNode name="balance_32" styleLbl="alignAccFollowNode1">
                                    <dgm:varLst>
                                      <dgm:bulletEnabled val="1"/>
                                    </dgm:varLst>
                                    <dgm:alg type="sp"/>
                                    <dgm:shape xmlns:r="http://schemas.openxmlformats.org/officeDocument/2006/relationships" rot="-4" type="rect" r:blip="">
                                      <dgm:adjLst/>
                                    </dgm:shape>
                                    <dgm:presOf/>
                                    <dgm:constrLst/>
                                    <dgm:ruleLst/>
                                  </dgm:layoutNode>
                                  <dgm:layoutNode name="left_32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32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32_3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3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32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2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32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2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</dgm:if>
                                <dgm:else name="Name64">
                                  <dgm:choose name="Name65">
                                    <dgm:if name="Name66" axis="ch ch" ptType="node node" st="2 1" cnt="1 0" func="cnt" op="equ" val="3">
                                      <dgm:layoutNode name="balance_33" styleLbl="alignAccFollowNode1">
                                        <dgm:varLst>
                                          <dgm:bulletEnabled val="1"/>
                                        </dgm:varLst>
                                        <dgm:alg type="sp"/>
                                        <dgm:shape xmlns:r="http://schemas.openxmlformats.org/officeDocument/2006/relationships" type="rect" r:blip="">
                                          <dgm:adjLst/>
                                        </dgm:shape>
                                        <dgm:presOf/>
                                        <dgm:constrLst/>
                                        <dgm:ruleLst/>
                                      </dgm:layoutNode>
                                      <dgm:layoutNode name="right_33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2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33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2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33_3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2 3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33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1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33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1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33_3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type="roundRect" r:blip="">
                                          <dgm:adjLst/>
                                        </dgm:shape>
                                        <dgm:presOf axis="ch ch desOrSelf" ptType="node node node" st="1 3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</dgm:if>
                                    <dgm:else name="Name67">
                                      <dgm:choose name="Name68">
                                        <dgm:if name="Name69" axis="ch ch" ptType="node node" st="2 1" cnt="1 0" func="cnt" op="gte" val="4">
                                          <dgm:layoutNode name="balance_34" styleLbl="alignAccFollowNode1">
                                            <dgm:varLst>
                                              <dgm:bulletEnabled val="1"/>
                                            </dgm:varLst>
                                            <dgm:alg type="sp"/>
                                            <dgm:shape xmlns:r="http://schemas.openxmlformats.org/officeDocument/2006/relationships" rot="4" type="rect" r:blip="">
                                              <dgm:adjLst/>
                                            </dgm:shape>
                                            <dgm:presOf/>
                                            <dgm:constrLst/>
                                            <dgm:ruleLst/>
                                          </dgm:layoutNode>
                                          <dgm:layoutNode name="right_34_1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2 1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34_2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2 2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34_3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2 3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34_4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2 4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34_1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1 1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34_2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1 2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34_3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4" type="roundRect" r:blip="">
                                              <dgm:adjLst/>
                                            </dgm:shape>
                                            <dgm:presOf axis="ch ch desOrSelf" ptType="node node node" st="1 3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</dgm:if>
                                        <dgm:else name="Name70"/>
                                      </dgm:choose>
                                    </dgm:else>
                                  </dgm:choose>
                                </dgm:else>
                              </dgm:choose>
                            </dgm:else>
                          </dgm:choose>
                        </dgm:else>
                      </dgm:choose>
                    </dgm:if>
                    <dgm:else name="Name71">
                      <dgm:choose name="Name72">
                        <dgm:if name="Name73" axis="ch ch" ptType="node node" st="1 1" cnt="1 0" func="cnt" op="gte" val="4">
                          <dgm:choose name="Name74">
                            <dgm:if name="Name75" axis="ch ch" ptType="node node" st="2 1" cnt="1 0" func="cnt" op="equ" val="0">
                              <dgm:layoutNode name="balance_40" styleLbl="alignAccFollowNode1">
                                <dgm:varLst>
                                  <dgm:bulletEnabled val="1"/>
                                </dgm:varLst>
                                <dgm:alg type="sp"/>
                                <dgm:shape xmlns:r="http://schemas.openxmlformats.org/officeDocument/2006/relationships" rot="-4" type="rect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  <dgm:layoutNode name="left_40_1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1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40_2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2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40_3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3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  <dgm:layoutNode name="left_40_4" styleLbl="node1">
                                <dgm:varLst>
                                  <dgm:bulletEnabled val="1"/>
                                </dgm:varLst>
                                <dgm:alg type="tx"/>
                                <dgm:shape xmlns:r="http://schemas.openxmlformats.org/officeDocument/2006/relationships" rot="-4" type="roundRect" r:blip="">
                                  <dgm:adjLst/>
                                </dgm:shape>
                                <dgm:presOf axis="ch ch desOrSelf" ptType="node node node" st="1 4 1" cnt="1 1 0"/>
                                <dgm:constrLst>
                                  <dgm:constr type="lMarg" refType="primFontSz" fact="0.3"/>
                                  <dgm:constr type="rMarg" refType="primFontSz" fact="0.3"/>
                                  <dgm:constr type="tMarg" refType="primFontSz" fact="0.3"/>
                                  <dgm:constr type="bMarg" refType="primFontSz" fact="0.3"/>
                                </dgm:constrLst>
                                <dgm:ruleLst>
                                  <dgm:rule type="primFontSz" val="5" fact="NaN" max="NaN"/>
                                </dgm:ruleLst>
                              </dgm:layoutNode>
                            </dgm:if>
                            <dgm:else name="Name76">
                              <dgm:choose name="Name77">
                                <dgm:if name="Name78" axis="ch ch" ptType="node node" st="2 1" cnt="1 0" func="cnt" op="equ" val="1">
                                  <dgm:layoutNode name="balance_41" styleLbl="alignAccFollowNode1">
                                    <dgm:varLst>
                                      <dgm:bulletEnabled val="1"/>
                                    </dgm:varLst>
                                    <dgm:alg type="sp"/>
                                    <dgm:shape xmlns:r="http://schemas.openxmlformats.org/officeDocument/2006/relationships" rot="-4" type="rect" r:blip="">
                                      <dgm:adjLst/>
                                    </dgm:shape>
                                    <dgm:presOf/>
                                    <dgm:constrLst/>
                                    <dgm:ruleLst/>
                                  </dgm:layoutNode>
                                  <dgm:layoutNode name="left_41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41_2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2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41_3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3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left_41_4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1 4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  <dgm:layoutNode name="right_41_1" styleLbl="node1">
                                    <dgm:varLst>
                                      <dgm:bulletEnabled val="1"/>
                                    </dgm:varLst>
                                    <dgm:alg type="tx"/>
                                    <dgm:shape xmlns:r="http://schemas.openxmlformats.org/officeDocument/2006/relationships" rot="-4" type="roundRect" r:blip="">
                                      <dgm:adjLst/>
                                    </dgm:shape>
                                    <dgm:presOf axis="ch ch desOrSelf" ptType="node node node" st="2 1 1" cnt="1 1 0"/>
                                    <dgm:constrLst>
                                      <dgm:constr type="lMarg" refType="primFontSz" fact="0.3"/>
                                      <dgm:constr type="rMarg" refType="primFontSz" fact="0.3"/>
                                      <dgm:constr type="tMarg" refType="primFontSz" fact="0.3"/>
                                      <dgm:constr type="bMarg" refType="primFontSz" fact="0.3"/>
                                    </dgm:constrLst>
                                    <dgm:ruleLst>
                                      <dgm:rule type="primFontSz" val="5" fact="NaN" max="NaN"/>
                                    </dgm:ruleLst>
                                  </dgm:layoutNode>
                                </dgm:if>
                                <dgm:else name="Name79">
                                  <dgm:choose name="Name80">
                                    <dgm:if name="Name81" axis="ch ch" ptType="node node" st="2 1" cnt="1 0" func="cnt" op="equ" val="2">
                                      <dgm:layoutNode name="balance_42" styleLbl="alignAccFollowNode1">
                                        <dgm:varLst>
                                          <dgm:bulletEnabled val="1"/>
                                        </dgm:varLst>
                                        <dgm:alg type="sp"/>
                                        <dgm:shape xmlns:r="http://schemas.openxmlformats.org/officeDocument/2006/relationships" rot="-4" type="rect" r:blip="">
                                          <dgm:adjLst/>
                                        </dgm:shape>
                                        <dgm:presOf/>
                                        <dgm:constrLst/>
                                        <dgm:ruleLst/>
                                      </dgm:layoutNode>
                                      <dgm:layoutNode name="left_42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1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42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1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42_3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1 3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left_42_4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1 4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42_1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2 1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  <dgm:layoutNode name="right_42_2" styleLbl="node1">
                                        <dgm:varLst>
                                          <dgm:bulletEnabled val="1"/>
                                        </dgm:varLst>
                                        <dgm:alg type="tx"/>
                                        <dgm:shape xmlns:r="http://schemas.openxmlformats.org/officeDocument/2006/relationships" rot="-4" type="roundRect" r:blip="">
                                          <dgm:adjLst/>
                                        </dgm:shape>
                                        <dgm:presOf axis="ch ch desOrSelf" ptType="node node node" st="2 2 1" cnt="1 1 0"/>
                                        <dgm:constrLst>
                                          <dgm:constr type="lMarg" refType="primFontSz" fact="0.3"/>
                                          <dgm:constr type="rMarg" refType="primFontSz" fact="0.3"/>
                                          <dgm:constr type="tMarg" refType="primFontSz" fact="0.3"/>
                                          <dgm:constr type="bMarg" refType="primFontSz" fact="0.3"/>
                                        </dgm:constrLst>
                                        <dgm:ruleLst>
                                          <dgm:rule type="primFontSz" val="5" fact="NaN" max="NaN"/>
                                        </dgm:ruleLst>
                                      </dgm:layoutNode>
                                    </dgm:if>
                                    <dgm:else name="Name82">
                                      <dgm:choose name="Name83">
                                        <dgm:if name="Name84" axis="ch ch" ptType="node node" st="2 1" cnt="1 0" func="cnt" op="equ" val="3">
                                          <dgm:layoutNode name="balance_43" styleLbl="alignAccFollowNode1">
                                            <dgm:varLst>
                                              <dgm:bulletEnabled val="1"/>
                                            </dgm:varLst>
                                            <dgm:alg type="sp"/>
                                            <dgm:shape xmlns:r="http://schemas.openxmlformats.org/officeDocument/2006/relationships" rot="-4" type="rect" r:blip="">
                                              <dgm:adjLst/>
                                            </dgm:shape>
                                            <dgm:presOf/>
                                            <dgm:constrLst/>
                                            <dgm:ruleLst/>
                                          </dgm:layoutNode>
                                          <dgm:layoutNode name="left_43_1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1 1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43_2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1 2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43_3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1 3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left_43_4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1 4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43_1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2 1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43_2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2 2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  <dgm:layoutNode name="right_43_3" styleLbl="node1">
                                            <dgm:varLst>
                                              <dgm:bulletEnabled val="1"/>
                                            </dgm:varLst>
                                            <dgm:alg type="tx"/>
                                            <dgm:shape xmlns:r="http://schemas.openxmlformats.org/officeDocument/2006/relationships" rot="-4" type="roundRect" r:blip="">
                                              <dgm:adjLst/>
                                            </dgm:shape>
                                            <dgm:presOf axis="ch ch desOrSelf" ptType="node node node" st="2 3 1" cnt="1 1 0"/>
                                            <dgm:constrLst>
                                              <dgm:constr type="lMarg" refType="primFontSz" fact="0.3"/>
                                              <dgm:constr type="rMarg" refType="primFontSz" fact="0.3"/>
                                              <dgm:constr type="tMarg" refType="primFontSz" fact="0.3"/>
                                              <dgm:constr type="bMarg" refType="primFontSz" fact="0.3"/>
                                            </dgm:constrLst>
                                            <dgm:ruleLst>
                                              <dgm:rule type="primFontSz" val="5" fact="NaN" max="NaN"/>
                                            </dgm:ruleLst>
                                          </dgm:layoutNode>
                                        </dgm:if>
                                        <dgm:else name="Name85">
                                          <dgm:choose name="Name86">
                                            <dgm:if name="Name87" axis="ch ch" ptType="node node" st="2 1" cnt="1 0" func="cnt" op="gte" val="4">
                                              <dgm:layoutNode name="balance_44" styleLbl="alignAccFollowNode1">
                                                <dgm:varLst>
                                                  <dgm:bulletEnabled val="1"/>
                                                </dgm:varLst>
                                                <dgm:alg type="sp"/>
                                                <dgm:shape xmlns:r="http://schemas.openxmlformats.org/officeDocument/2006/relationships" type="rect" r:blip="">
                                                  <dgm:adjLst/>
                                                </dgm:shape>
                                                <dgm:presOf/>
                                                <dgm:constrLst/>
                                                <dgm:ruleLst/>
                                              </dgm:layoutNode>
                                              <dgm:layoutNode name="right_44_1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2 1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right_44_2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2 2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right_44_3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2 3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right_44_4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2 4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left_44_1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1 1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left_44_2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1 2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left_44_3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1 3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  <dgm:layoutNode name="left_44_4" styleLbl="node1">
                                                <dgm:varLst>
                                                  <dgm:bulletEnabled val="1"/>
                                                </dgm:varLst>
                                                <dgm:alg type="tx"/>
                                                <dgm:shape xmlns:r="http://schemas.openxmlformats.org/officeDocument/2006/relationships" type="roundRect" r:blip="">
                                                  <dgm:adjLst/>
                                                </dgm:shape>
                                                <dgm:presOf axis="ch ch desOrSelf" ptType="node node node" st="1 4 1" cnt="1 1 0"/>
                                                <dgm:constrLst>
                                                  <dgm:constr type="lMarg" refType="primFontSz" fact="0.3"/>
                                                  <dgm:constr type="rMarg" refType="primFontSz" fact="0.3"/>
                                                  <dgm:constr type="tMarg" refType="primFontSz" fact="0.3"/>
                                                  <dgm:constr type="bMarg" refType="primFontSz" fact="0.3"/>
                                                </dgm:constrLst>
                                                <dgm:ruleLst>
                                                  <dgm:rule type="primFontSz" val="5" fact="NaN" max="NaN"/>
                                                </dgm:ruleLst>
                                              </dgm:layoutNode>
                                            </dgm:if>
                                            <dgm:else name="Name88"/>
                                          </dgm:choose>
                                        </dgm:else>
                                      </dgm:choose>
                                    </dgm:else>
                                  </dgm:choose>
                                </dgm:else>
                              </dgm:choose>
                            </dgm:else>
                          </dgm:choose>
                        </dgm:if>
                        <dgm:else name="Name89"/>
                      </dgm:choose>
                    </dgm:else>
                  </dgm:choose>
                </dgm:else>
              </dgm:choose>
            </dgm:else>
          </dgm:choose>
        </dgm:else>
      </dgm:choose>
    </dgm:layoutNode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pyramid2">
  <dgm:title val=""/>
  <dgm:desc val=""/>
  <dgm:catLst>
    <dgm:cat type="pyramid" pri="3000"/>
    <dgm:cat type="list" pri="21000"/>
    <dgm:cat type="convert" pri="17000"/>
  </dgm:catLst>
  <dgm:sampData useDef="1">
    <dgm:dataModel>
      <dgm:ptLst/>
      <dgm:bg/>
      <dgm:whole/>
    </dgm:dataModel>
  </dgm:sampData>
  <dgm:styleData useDef="1">
    <dgm:dataModel>
      <dgm:ptLst/>
      <dgm:bg/>
      <dgm:whole/>
    </dgm:dataModel>
  </dgm:styleData>
  <dgm:clrData useDef="1">
    <dgm:dataModel>
      <dgm:ptLst/>
      <dgm:bg/>
      <dgm:whole/>
    </dgm:dataModel>
  </dgm:clrData>
  <dgm:layoutNode name="compositeShape">
    <dgm:alg type="composite"/>
    <dgm:shape xmlns:r="http://schemas.openxmlformats.org/officeDocument/2006/relationships" r:blip="">
      <dgm:adjLst/>
    </dgm:shape>
    <dgm:presOf/>
    <dgm:varLst>
      <dgm:dir/>
      <dgm:resizeHandles/>
    </dgm:varLst>
    <dgm:choose name="Name0">
      <dgm:if name="Name1" func="var" arg="dir" op="equ" val="norm">
        <dgm:constrLst>
          <dgm:constr type="w" for="ch" forName="pyramid" refType="h"/>
          <dgm:constr type="h" for="ch" forName="pyramid" refType="h"/>
          <dgm:constr type="h" for="ch" forName="theList" refType="h" fact="0.8"/>
          <dgm:constr type="w" for="ch" forName="theList" refType="h" fact="0.65"/>
          <dgm:constr type="ctrY" for="ch" forName="theList" refType="h" refFor="ch" refForName="pyramid" fact="0.5"/>
          <dgm:constr type="l" for="ch" forName="theList" refType="w" refFor="ch" refForName="pyramid" fact="0.5"/>
          <dgm:constr type="h" for="des" forName="aSpace" refType="h" fact="0.1"/>
        </dgm:constrLst>
      </dgm:if>
      <dgm:else name="Name2">
        <dgm:constrLst>
          <dgm:constr type="w" for="ch" forName="pyramid" refType="h"/>
          <dgm:constr type="h" for="ch" forName="pyramid" refType="h"/>
          <dgm:constr type="h" for="ch" forName="theList" refType="h" fact="0.8"/>
          <dgm:constr type="w" for="ch" forName="theList" refType="h" fact="0.65"/>
          <dgm:constr type="ctrY" for="ch" forName="theList" refType="h" refFor="ch" refForName="pyramid" fact="0.5"/>
          <dgm:constr type="r" for="ch" forName="theList" refType="w" refFor="ch" refForName="pyramid" fact="0.5"/>
          <dgm:constr type="h" for="des" forName="aSpace" refType="h" fact="0.1"/>
        </dgm:constrLst>
      </dgm:else>
    </dgm:choose>
    <dgm:ruleLst/>
    <dgm:choose name="Name3">
      <dgm:if name="Name4" axis="ch" ptType="node" func="cnt" op="gte" val="1">
        <dgm:layoutNode name="pyramid" styleLbl="node1">
          <dgm:alg type="sp"/>
          <dgm:shape xmlns:r="http://schemas.openxmlformats.org/officeDocument/2006/relationships" type="triangle" r:blip="">
            <dgm:adjLst/>
          </dgm:shape>
          <dgm:presOf/>
          <dgm:constrLst/>
          <dgm:ruleLst/>
        </dgm:layoutNode>
        <dgm:layoutNode name="theList">
          <dgm:alg type="lin">
            <dgm:param type="linDir" val="fromT"/>
          </dgm:alg>
          <dgm:shape xmlns:r="http://schemas.openxmlformats.org/officeDocument/2006/relationships" r:blip="">
            <dgm:adjLst/>
          </dgm:shape>
          <dgm:presOf/>
          <dgm:constrLst>
            <dgm:constr type="w" for="ch" forName="aNode" refType="w"/>
            <dgm:constr type="h" for="ch" forName="aNode" refType="h"/>
            <dgm:constr type="primFontSz" for="ch" ptType="node" op="equ"/>
          </dgm:constrLst>
          <dgm:ruleLst/>
          <dgm:forEach name="aNodeForEach" axis="ch" ptType="node">
            <dgm:layoutNode name="aNode" styleLbl="fgAcc1">
              <dgm:varLst>
                <dgm:bulletEnabled val="1"/>
              </dgm:varLst>
              <dgm:alg type="tx"/>
              <dgm:shape xmlns:r="http://schemas.openxmlformats.org/officeDocument/2006/relationships" type="roundRect" r:blip="">
                <dgm:adjLst/>
              </dgm:shape>
              <dgm:presOf axis="desOrSelf" ptType="node"/>
              <dgm:constrLst>
                <dgm:constr type="primFontSz" val="65"/>
                <dgm:constr type="tMarg" refType="primFontSz" fact="0.3"/>
                <dgm:constr type="bMarg" refType="primFontSz" fact="0.3"/>
                <dgm:constr type="lMarg" refType="primFontSz" fact="0.3"/>
                <dgm:constr type="rMarg" refType="primFontSz" fact="0.3"/>
              </dgm:constrLst>
              <dgm:ruleLst>
                <dgm:rule type="primFontSz" val="5" fact="NaN" max="NaN"/>
              </dgm:ruleLst>
            </dgm:layoutNode>
            <dgm:layoutNode name="a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layoutNode>
      </dgm:if>
      <dgm:else name="Name5"/>
    </dgm:choose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hierarchy4">
  <dgm:title val=""/>
  <dgm:desc val=""/>
  <dgm:catLst>
    <dgm:cat type="hierarchy" pri="4000"/>
    <dgm:cat type="list" pri="24000"/>
    <dgm:cat type="relationship" pri="1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</dgm:ptLst>
      <dgm:cxnLst>
        <dgm:cxn modelId="4" srcId="0" destId="1" srcOrd="0" destOrd="0"/>
        <dgm:cxn modelId="5" srcId="1" destId="2" srcOrd="0" destOrd="0"/>
        <dgm:cxn modelId="6" srcId="1" destId="3" srcOrd="1" destOrd="0"/>
        <dgm:cxn modelId="23" srcId="2" destId="21" srcOrd="0" destOrd="0"/>
        <dgm:cxn modelId="24" srcId="2" destId="22" srcOrd="1" destOrd="0"/>
        <dgm:cxn modelId="33" srcId="3" destId="31" srcOrd="0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</dgm:ptLst>
      <dgm:cxnLst>
        <dgm:cxn modelId="2" srcId="0" destId="1" srcOrd="0" destOrd="0"/>
        <dgm:cxn modelId="13" srcId="1" destId="11" srcOrd="0" destOrd="0"/>
        <dgm:cxn modelId="14" srcId="1" destId="1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21"/>
        <dgm:pt modelId="211"/>
        <dgm:pt modelId="3"/>
        <dgm:pt modelId="31"/>
        <dgm:pt modelId="311"/>
      </dgm:ptLst>
      <dgm:cxnLst>
        <dgm:cxn modelId="4" srcId="0" destId="1" srcOrd="0" destOrd="0"/>
        <dgm:cxn modelId="5" srcId="1" destId="2" srcOrd="0" destOrd="0"/>
        <dgm:cxn modelId="6" srcId="1" destId="3" srcOrd="1" destOrd="0"/>
        <dgm:cxn modelId="23" srcId="2" destId="21" srcOrd="0" destOrd="0"/>
        <dgm:cxn modelId="24" srcId="21" destId="211" srcOrd="0" destOrd="0"/>
        <dgm:cxn modelId="33" srcId="3" destId="31" srcOrd="0" destOrd="0"/>
        <dgm:cxn modelId="34" srcId="31" destId="311" srcOrd="0" destOrd="0"/>
      </dgm:cxnLst>
      <dgm:bg/>
      <dgm:whole/>
    </dgm:dataModel>
  </dgm:clrData>
  <dgm:layoutNode name="Name0">
    <dgm:varLst>
      <dgm:chPref val="1"/>
      <dgm:dir/>
      <dgm:animOne val="branch"/>
      <dgm:animLvl val="lvl"/>
      <dgm:resizeHandles/>
    </dgm:varLst>
    <dgm:choose name="Name1">
      <dgm:if name="Name2" func="var" arg="dir" op="equ" val="norm">
        <dgm:alg type="lin">
          <dgm:param type="linDir" val="fromL"/>
          <dgm:param type="nodeVertAlign" val="t"/>
        </dgm:alg>
      </dgm:if>
      <dgm:else name="Name3">
        <dgm:alg type="lin">
          <dgm:param type="linDir" val="fromR"/>
          <dgm:param type="nodeVertAlign" val="t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vertOne" refType="w"/>
      <dgm:constr type="w" for="des" forName="horzOne" refType="w"/>
      <dgm:constr type="w" for="des" forName="txOne" refType="w"/>
      <dgm:constr type="w" for="des" forName="vertTwo" refType="w"/>
      <dgm:constr type="w" for="des" forName="horzTwo" refType="w"/>
      <dgm:constr type="w" for="des" forName="txTwo" refType="w"/>
      <dgm:constr type="w" for="des" forName="vertThree" refType="w"/>
      <dgm:constr type="w" for="des" forName="horzThree" refType="w"/>
      <dgm:constr type="w" for="des" forName="txThree" refType="w"/>
      <dgm:constr type="w" for="des" forName="vertFour" refType="w"/>
      <dgm:constr type="w" for="des" forName="horzFour" refType="w"/>
      <dgm:constr type="w" for="des" forName="txFour" refType="w"/>
      <dgm:constr type="h" for="des" ptType="node" op="equ"/>
      <dgm:constr type="h" for="des" forName="txOne" refType="h"/>
      <dgm:constr type="userH" for="des" ptType="node" refType="h" refFor="des" refForName="txOne"/>
      <dgm:constr type="primFontSz" for="des" forName="txOne" val="65"/>
      <dgm:constr type="primFontSz" for="des" forName="txTwo" val="65"/>
      <dgm:constr type="primFontSz" for="des" forName="txTwo" refType="primFontSz" refFor="des" refForName="txOne" op="lte"/>
      <dgm:constr type="primFontSz" for="des" forName="txThree" val="65"/>
      <dgm:constr type="primFontSz" for="des" forName="txThree" refType="primFontSz" refFor="des" refForName="txOne" op="lte"/>
      <dgm:constr type="primFontSz" for="des" forName="txThree" refType="primFontSz" refFor="des" refForName="txTwo" op="lte"/>
      <dgm:constr type="primFontSz" for="des" forName="txFour" val="65"/>
      <dgm:constr type="primFontSz" for="des" forName="txFour" refType="primFontSz" refFor="des" refForName="txOne" op="lte"/>
      <dgm:constr type="primFontSz" for="des" forName="txFour" refType="primFontSz" refFor="des" refForName="txTwo" op="lte"/>
      <dgm:constr type="primFontSz" for="des" forName="txFour" refType="primFontSz" refFor="des" refForName="txThree" op="lte"/>
      <dgm:constr type="w" for="des" forName="sibSpaceOne" refType="w" fact="0.168"/>
      <dgm:constr type="w" for="des" forName="sibSpaceTwo" refType="w" refFor="des" refForName="sibSpaceOne" op="equ" fact="0.5"/>
      <dgm:constr type="w" for="des" forName="sibSpaceThree" refType="w" refFor="des" refForName="sibSpaceTwo" op="equ" fact="0.5"/>
      <dgm:constr type="w" for="des" forName="sibSpaceFour" refType="w" refFor="des" refForName="sibSpaceThree" op="equ" fact="0.5"/>
      <dgm:constr type="h" for="des" forName="parTransOne" refType="w" fact="0.056"/>
      <dgm:constr type="h" for="des" forName="parTransTwo" refType="h" refFor="des" refForName="parTransOne" op="equ"/>
      <dgm:constr type="h" for="des" forName="parTransThree" refType="h" refFor="des" refForName="parTransTwo" op="equ"/>
      <dgm:constr type="h" for="des" forName="parTransFour" refType="h" refFor="des" refForName="parTransThree" op="equ"/>
    </dgm:constrLst>
    <dgm:ruleLst/>
    <dgm:forEach name="Name4" axis="ch" ptType="node">
      <dgm:layoutNode name="vertOne">
        <dgm:alg type="lin">
          <dgm:param type="linDir" val="fromT"/>
        </dgm:alg>
        <dgm:shape xmlns:r="http://schemas.openxmlformats.org/officeDocument/2006/relationships" r:blip="">
          <dgm:adjLst/>
        </dgm:shape>
        <dgm:presOf/>
        <dgm:constrLst>
          <dgm:constr type="w" for="ch" forName="txOne" refType="w" refFor="ch" refForName="horzOne" op="gte"/>
        </dgm:constrLst>
        <dgm:ruleLst/>
        <dgm:layoutNode name="txOne" styleLbl="node0">
          <dgm:varLst>
            <dgm:chPref val="3"/>
          </dgm:varLst>
          <dgm:alg type="tx"/>
          <dgm:shape xmlns:r="http://schemas.openxmlformats.org/officeDocument/2006/relationships" type="roundRect" r:blip="">
            <dgm:adjLst>
              <dgm:adj idx="1" val="0.1"/>
            </dgm:adjLst>
          </dgm:shape>
          <dgm:presOf axis="self"/>
          <dgm:constrLst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5">
          <dgm:if name="Name6" axis="des" ptType="node" func="cnt" op="gt" val="0">
            <dgm:layoutNode name="parTransOn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if>
          <dgm:else name="Name7"/>
        </dgm:choose>
        <dgm:layoutNode name="horzOne">
          <dgm:choose name="Name8">
            <dgm:if name="Name9" func="var" arg="dir" op="equ" val="norm">
              <dgm:alg type="lin">
                <dgm:param type="linDir" val="fromL"/>
                <dgm:param type="nodeVertAlign" val="t"/>
              </dgm:alg>
            </dgm:if>
            <dgm:else name="Name10">
              <dgm:alg type="lin">
                <dgm:param type="linDir" val="fromR"/>
                <dgm:param type="nodeVertAlign" val="t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/>
          <dgm:ruleLst>
            <dgm:rule type="w" val="INF" fact="NaN" max="NaN"/>
          </dgm:ruleLst>
          <dgm:forEach name="Name11" axis="ch" ptType="node">
            <dgm:layoutNode name="vertTwo">
              <dgm:alg type="lin">
                <dgm:param type="linDir" val="fromT"/>
              </dgm:alg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txTwo" refType="w" refFor="ch" refForName="horzTwo" op="gte"/>
              </dgm:constrLst>
              <dgm:ruleLst/>
              <dgm:layoutNode name="txTwo">
                <dgm:varLst>
                  <dgm:chPref val="3"/>
                </dgm:varLst>
                <dgm:alg type="tx"/>
                <dgm:shape xmlns:r="http://schemas.openxmlformats.org/officeDocument/2006/relationships" type="roundRect" r:blip="">
                  <dgm:adjLst>
                    <dgm:adj idx="1" val="0.1"/>
                  </dgm:adjLst>
                </dgm:shape>
                <dgm:presOf axis="self"/>
                <dgm:constrLst>
                  <dgm:constr type="userH"/>
                  <dgm:constr type="h" refType="userH"/>
                  <dgm:constr type="tMarg" refType="primFontSz" fact="0.3"/>
                  <dgm:constr type="bMarg" refType="primFontSz" fact="0.3"/>
                  <dgm:constr type="lMarg" refType="primFontSz" fact="0.3"/>
                  <dgm:constr type="rMarg" refType="primFontSz" fact="0.3"/>
                </dgm:constrLst>
                <dgm:ruleLst>
                  <dgm:rule type="primFontSz" val="5" fact="NaN" max="NaN"/>
                </dgm:ruleLst>
              </dgm:layoutNode>
              <dgm:choose name="Name12">
                <dgm:if name="Name13" axis="des" ptType="node" func="cnt" op="gt" val="0">
                  <dgm:layoutNode name="parTransTwo">
                    <dgm:alg type="sp"/>
                    <dgm:shape xmlns:r="http://schemas.openxmlformats.org/officeDocument/2006/relationships" r:blip="">
                      <dgm:adjLst/>
                    </dgm:shape>
                    <dgm:presOf/>
                    <dgm:constrLst/>
                    <dgm:ruleLst/>
                  </dgm:layoutNode>
                </dgm:if>
                <dgm:else name="Name14"/>
              </dgm:choose>
              <dgm:layoutNode name="horzTwo">
                <dgm:choose name="Name15">
                  <dgm:if name="Name16" func="var" arg="dir" op="equ" val="norm">
                    <dgm:alg type="lin">
                      <dgm:param type="linDir" val="fromL"/>
                      <dgm:param type="nodeVertAlign" val="t"/>
                    </dgm:alg>
                  </dgm:if>
                  <dgm:else name="Name17">
                    <dgm:alg type="lin">
                      <dgm:param type="linDir" val="fromR"/>
                      <dgm:param type="nodeVertAlign" val="t"/>
                    </dgm:alg>
                  </dgm:else>
                </dgm:choose>
                <dgm:shape xmlns:r="http://schemas.openxmlformats.org/officeDocument/2006/relationships" r:blip="">
                  <dgm:adjLst/>
                </dgm:shape>
                <dgm:presOf/>
                <dgm:constrLst/>
                <dgm:ruleLst>
                  <dgm:rule type="w" val="INF" fact="NaN" max="NaN"/>
                </dgm:ruleLst>
                <dgm:forEach name="Name18" axis="ch" ptType="node">
                  <dgm:layoutNode name="vertThree">
                    <dgm:alg type="lin">
                      <dgm:param type="linDir" val="fromT"/>
                    </dgm:alg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w" for="ch" forName="txThree" refType="w" refFor="ch" refForName="horzThree" op="gte"/>
                    </dgm:constrLst>
                    <dgm:ruleLst/>
                    <dgm:layoutNode name="txThree">
                      <dgm:varLst>
                        <dgm:chPref val="3"/>
                      </dgm:varLst>
                      <dgm:alg type="tx"/>
                      <dgm:shape xmlns:r="http://schemas.openxmlformats.org/officeDocument/2006/relationships" type="roundRect" r:blip="">
                        <dgm:adjLst>
                          <dgm:adj idx="1" val="0.1"/>
                        </dgm:adjLst>
                      </dgm:shape>
                      <dgm:presOf axis="self"/>
                      <dgm:constrLst>
                        <dgm:constr type="userH"/>
                        <dgm:constr type="h" refType="userH"/>
                        <dgm:constr type="tMarg" refType="primFontSz" fact="0.3"/>
                        <dgm:constr type="bMarg" refType="primFontSz" fact="0.3"/>
                        <dgm:constr type="lMarg" refType="primFontSz" fact="0.3"/>
                        <dgm:constr type="rMarg" refType="primFontSz" fact="0.3"/>
                      </dgm:constrLst>
                      <dgm:ruleLst>
                        <dgm:rule type="primFontSz" val="5" fact="NaN" max="NaN"/>
                      </dgm:ruleLst>
                    </dgm:layoutNode>
                    <dgm:choose name="Name19">
                      <dgm:if name="Name20" axis="des" ptType="node" func="cnt" op="gt" val="0">
                        <dgm:layoutNode name="parTransThree">
                          <dgm:alg type="sp"/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/>
                          <dgm:ruleLst/>
                        </dgm:layoutNode>
                      </dgm:if>
                      <dgm:else name="Name21"/>
                    </dgm:choose>
                    <dgm:layoutNode name="horzThree">
                      <dgm:choose name="Name22">
                        <dgm:if name="Name23" func="var" arg="dir" op="equ" val="norm">
                          <dgm:alg type="lin">
                            <dgm:param type="linDir" val="fromL"/>
                            <dgm:param type="nodeVertAlign" val="t"/>
                          </dgm:alg>
                        </dgm:if>
                        <dgm:else name="Name24">
                          <dgm:alg type="lin">
                            <dgm:param type="linDir" val="fromR"/>
                            <dgm:param type="nodeVertAlign" val="t"/>
                          </dgm:alg>
                        </dgm:else>
                      </dgm:choose>
                      <dgm:shape xmlns:r="http://schemas.openxmlformats.org/officeDocument/2006/relationships" r:blip="">
                        <dgm:adjLst/>
                      </dgm:shape>
                      <dgm:presOf/>
                      <dgm:constrLst/>
                      <dgm:ruleLst>
                        <dgm:rule type="w" val="INF" fact="NaN" max="NaN"/>
                      </dgm:ruleLst>
                      <dgm:forEach name="repeat" axis="ch" ptType="node">
                        <dgm:layoutNode name="vertFour">
                          <dgm:varLst>
                            <dgm:chPref val="3"/>
                          </dgm:varLst>
                          <dgm:alg type="lin">
                            <dgm:param type="linDir" val="fromT"/>
                          </dgm:alg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>
                            <dgm:constr type="w" for="ch" forName="txFour" refType="w" refFor="ch" refForName="horzFour" op="gte"/>
                          </dgm:constrLst>
                          <dgm:ruleLst/>
                          <dgm:layoutNode name="txFour">
                            <dgm:varLst>
                              <dgm:chPref val="3"/>
                            </dgm:varLst>
                            <dgm:alg type="tx"/>
                            <dgm:shape xmlns:r="http://schemas.openxmlformats.org/officeDocument/2006/relationships" type="roundRect" r:blip="">
                              <dgm:adjLst>
                                <dgm:adj idx="1" val="0.1"/>
                              </dgm:adjLst>
                            </dgm:shape>
                            <dgm:presOf axis="self"/>
                            <dgm:constrLst>
                              <dgm:constr type="userH"/>
                              <dgm:constr type="h" refType="userH"/>
                              <dgm:constr type="tMarg" refType="primFontSz" fact="0.3"/>
                              <dgm:constr type="bMarg" refType="primFontSz" fact="0.3"/>
                              <dgm:constr type="lMarg" refType="primFontSz" fact="0.3"/>
                              <dgm:constr type="r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choose name="Name25">
                            <dgm:if name="Name26" axis="des" ptType="node" func="cnt" op="gt" val="0">
                              <dgm:layoutNode name="parTransFour">
                                <dgm:alg type="sp"/>
                                <dgm:shape xmlns:r="http://schemas.openxmlformats.org/officeDocument/2006/relationships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</dgm:if>
                            <dgm:else name="Name27"/>
                          </dgm:choose>
                          <dgm:layoutNode name="horzFour">
                            <dgm:choose name="Name28">
                              <dgm:if name="Name29" func="var" arg="dir" op="equ" val="norm">
                                <dgm:alg type="lin">
                                  <dgm:param type="linDir" val="fromL"/>
                                  <dgm:param type="nodeVertAlign" val="t"/>
                                </dgm:alg>
                              </dgm:if>
                              <dgm:else name="Name30">
                                <dgm:alg type="lin">
                                  <dgm:param type="linDir" val="fromR"/>
                                  <dgm:param type="nodeVertAlign" val="t"/>
                                </dgm:alg>
                              </dgm:else>
                            </dgm:choose>
                            <dgm:shape xmlns:r="http://schemas.openxmlformats.org/officeDocument/2006/relationships" r:blip="">
                              <dgm:adjLst/>
                            </dgm:shape>
                            <dgm:presOf/>
                            <dgm:constrLst/>
                            <dgm:ruleLst>
                              <dgm:rule type="w" val="INF" fact="NaN" max="NaN"/>
                            </dgm:ruleLst>
                            <dgm:forEach name="Name31" ref="repeat"/>
                          </dgm:layoutNode>
                        </dgm:layoutNode>
                        <dgm:choose name="Name32">
                          <dgm:if name="Name33" axis="self" ptType="node" func="revPos" op="gte" val="2">
                            <dgm:forEach name="Name34" axis="followSib" ptType="sibTrans" cnt="1">
                              <dgm:layoutNode name="sibSpaceFour">
                                <dgm:alg type="sp"/>
                                <dgm:shape xmlns:r="http://schemas.openxmlformats.org/officeDocument/2006/relationships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</dgm:forEach>
                          </dgm:if>
                          <dgm:else name="Name35"/>
                        </dgm:choose>
                      </dgm:forEach>
                    </dgm:layoutNode>
                  </dgm:layoutNode>
                  <dgm:choose name="Name36">
                    <dgm:if name="Name37" axis="self" ptType="node" func="revPos" op="gte" val="2">
                      <dgm:forEach name="Name38" axis="followSib" ptType="sibTrans" cnt="1">
                        <dgm:layoutNode name="sibSpaceThree">
                          <dgm:alg type="sp"/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/>
                          <dgm:ruleLst/>
                        </dgm:layoutNode>
                      </dgm:forEach>
                    </dgm:if>
                    <dgm:else name="Name39"/>
                  </dgm:choose>
                </dgm:forEach>
              </dgm:layoutNode>
            </dgm:layoutNode>
            <dgm:choose name="Name40">
              <dgm:if name="Name41" axis="self" ptType="node" func="revPos" op="gte" val="2">
                <dgm:forEach name="Name42" axis="followSib" ptType="sibTrans" cnt="1">
                  <dgm:layoutNode name="sibSpaceTwo">
                    <dgm:alg type="sp"/>
                    <dgm:shape xmlns:r="http://schemas.openxmlformats.org/officeDocument/2006/relationships" r:blip="">
                      <dgm:adjLst/>
                    </dgm:shape>
                    <dgm:presOf/>
                    <dgm:constrLst/>
                    <dgm:ruleLst/>
                  </dgm:layoutNode>
                </dgm:forEach>
              </dgm:if>
              <dgm:else name="Name43"/>
            </dgm:choose>
          </dgm:forEach>
        </dgm:layoutNode>
      </dgm:layoutNode>
      <dgm:choose name="Name44">
        <dgm:if name="Name45" axis="self" ptType="node" func="revPos" op="gte" val="2">
          <dgm:forEach name="Name46" axis="followSib" ptType="sibTrans" cnt="1">
            <dgm:layoutNode name="sibSpaceOn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if>
        <dgm:else name="Name47"/>
      </dgm:choose>
    </dgm:forEach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list1">
  <dgm:title val=""/>
  <dgm:desc val=""/>
  <dgm:catLst>
    <dgm:cat type="list" pri="4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4" srcId="0" destId="1" srcOrd="0" destOrd="0"/>
        <dgm:cxn modelId="5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dir/>
      <dgm:animLvl val="lvl"/>
      <dgm:resizeHandles val="exact"/>
    </dgm:varLst>
    <dgm:choose name="Name0">
      <dgm:if name="Name1" func="var" arg="dir" op="equ" val="norm">
        <dgm:alg type="lin">
          <dgm:param type="linDir" val="fromT"/>
          <dgm:param type="vertAlign" val="mid"/>
          <dgm:param type="horzAlign" val="l"/>
          <dgm:param type="nodeHorzAlign" val="l"/>
        </dgm:alg>
      </dgm:if>
      <dgm:else name="Name2">
        <dgm:alg type="lin">
          <dgm:param type="linDir" val="fromT"/>
          <dgm:param type="vertAlign" val="mid"/>
          <dgm:param type="horzAlign" val="r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parentLin" refType="w"/>
      <dgm:constr type="h" for="ch" forName="parentLin" val="INF"/>
      <dgm:constr type="w" for="des" forName="parentLeftMargin" refType="w" fact="0.05"/>
      <dgm:constr type="w" for="des" forName="parentText" refType="w" fact="0.7"/>
      <dgm:constr type="h" for="des" forName="parentText" refType="primFontSz" refFor="des" refForName="parentText" fact="0.82"/>
      <dgm:constr type="h" for="ch" forName="negativeSpace" refType="primFontSz" refFor="des" refForName="parentText" fact="-0.41"/>
      <dgm:constr type="h" for="ch" forName="negativeSpace" refType="h" refFor="des" refForName="parentText" op="lte" fact="-0.82"/>
      <dgm:constr type="h" for="ch" forName="negativeSpace" refType="h" refFor="des" refForName="parentText" op="gte" fact="-0.82"/>
      <dgm:constr type="w" for="ch" forName="childText" refType="w"/>
      <dgm:constr type="h" for="ch" forName="childText" refType="primFontSz" refFor="des" refForName="parentText" fact="0.7"/>
      <dgm:constr type="primFontSz" for="des" forName="parentText" val="65"/>
      <dgm:constr type="primFontSz" for="ch" forName="childText" refType="primFontSz" refFor="des" refForName="parentText"/>
      <dgm:constr type="tMarg" for="ch" forName="childText" refType="primFontSz" refFor="des" refForName="parentText" fact="1.64"/>
      <dgm:constr type="tMarg" for="ch" forName="childText" refType="h" refFor="des" refForName="parentText" op="lte" fact="3.28"/>
      <dgm:constr type="tMarg" for="ch" forName="childText" refType="h" refFor="des" refForName="parentText" op="gte" fact="3.28"/>
      <dgm:constr type="lMarg" for="ch" forName="childText" refType="w" fact="0.22"/>
      <dgm:constr type="rMarg" for="ch" forName="childText" refType="lMarg" refFor="ch" refForName="childText"/>
      <dgm:constr type="lMarg" for="des" forName="parentText" refType="w" fact="0.075"/>
      <dgm:constr type="rMarg" for="des" forName="parentText" refType="lMarg" refFor="des" refForName="parentText"/>
      <dgm:constr type="h" for="ch" forName="spaceBetweenRectangles" refType="primFontSz" refFor="des" refForName="parentText" fact="0.15"/>
    </dgm:constrLst>
    <dgm:ruleLst>
      <dgm:rule type="primFontSz" for="des" forName="parentText" val="5" fact="NaN" max="NaN"/>
    </dgm:ruleLst>
    <dgm:forEach name="Name3" axis="ch" ptType="node">
      <dgm:layoutNode name="parentLin">
        <dgm:choose name="Name4">
          <dgm:if name="Name5" func="var" arg="dir" op="equ" val="norm">
            <dgm:alg type="lin">
              <dgm:param type="linDir" val="fromL"/>
              <dgm:param type="horzAlign" val="l"/>
              <dgm:param type="nodeHorzAlign" val="l"/>
            </dgm:alg>
          </dgm:if>
          <dgm:else name="Name6">
            <dgm:alg type="lin">
              <dgm:param type="linDir" val="fromR"/>
              <dgm:param type="horzAlign" val="r"/>
              <dgm:param type="nodeHorzAlign" val="r"/>
            </dgm:alg>
          </dgm:else>
        </dgm:choose>
        <dgm:shape xmlns:r="http://schemas.openxmlformats.org/officeDocument/2006/relationships" r:blip="">
          <dgm:adjLst/>
        </dgm:shape>
        <dgm:presOf/>
        <dgm:constrLst/>
        <dgm:ruleLst/>
        <dgm:layoutNode name="parentLeftMargin">
          <dgm:alg type="sp"/>
          <dgm:shape xmlns:r="http://schemas.openxmlformats.org/officeDocument/2006/relationships" type="rect" r:blip="" hideGeom="1">
            <dgm:adjLst/>
          </dgm:shape>
          <dgm:presOf axis="self"/>
          <dgm:constrLst>
            <dgm:constr type="h"/>
          </dgm:constrLst>
          <dgm:ruleLst/>
        </dgm:layoutNode>
        <dgm:layoutNode name="parentText" styleLbl="node1">
          <dgm:varLst>
            <dgm:chMax val="0"/>
            <dgm:bulletEnabled val="1"/>
          </dgm:varLst>
          <dgm:choose name="Name7">
            <dgm:if name="Name8" func="var" arg="dir" op="equ" val="norm">
              <dgm:alg type="tx">
                <dgm:param type="parTxLTRAlign" val="l"/>
                <dgm:param type="parTxRTLAlign" val="l"/>
              </dgm:alg>
            </dgm:if>
            <dgm:else name="Name9">
              <dgm:alg type="tx">
                <dgm:param type="parTxLTRAlign" val="r"/>
                <dgm:param type="parTxRTLAlign" val="r"/>
              </dgm:alg>
            </dgm:else>
          </dgm:choose>
          <dgm:shape xmlns:r="http://schemas.openxmlformats.org/officeDocument/2006/relationships" type="roundRect" r:blip="">
            <dgm:adjLst/>
          </dgm:shape>
          <dgm:presOf axis="self" ptType="node"/>
          <dgm:constrLst>
            <dgm:constr type="tMarg"/>
            <dgm:constr type="bMarg"/>
          </dgm:constrLst>
          <dgm:ruleLst/>
        </dgm:layoutNode>
      </dgm:layoutNode>
      <dgm:layoutNode name="negativeSpace">
        <dgm:alg type="sp"/>
        <dgm:shape xmlns:r="http://schemas.openxmlformats.org/officeDocument/2006/relationships" r:blip="">
          <dgm:adjLst/>
        </dgm:shape>
        <dgm:presOf/>
        <dgm:constrLst/>
        <dgm:ruleLst/>
      </dgm:layoutNode>
      <dgm:layoutNode name="childText" styleLbl="conFgAcc1">
        <dgm:varLst>
          <dgm:bulletEnabled val="1"/>
        </dgm:varLst>
        <dgm:alg type="tx">
          <dgm:param type="stBulletLvl" val="1"/>
        </dgm:alg>
        <dgm:shape xmlns:r="http://schemas.openxmlformats.org/officeDocument/2006/relationships" type="rect" r:blip="" zOrderOff="-2">
          <dgm:adjLst/>
        </dgm:shape>
        <dgm:presOf axis="des" ptType="node"/>
        <dgm:constrLst>
          <dgm:constr type="secFontSz" refType="primFontSz"/>
        </dgm:constrLst>
        <dgm:ruleLst>
          <dgm:rule type="h" val="INF" fact="NaN" max="NaN"/>
        </dgm:ruleLst>
      </dgm:layoutNode>
      <dgm:forEach name="Name10" axis="followSib" ptType="sibTrans" cnt="1">
        <dgm:layoutNode name="spaceBetweenRectangle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5/8/layout/matrix3">
  <dgm:title val=""/>
  <dgm:desc val=""/>
  <dgm:catLst>
    <dgm:cat type="matrix" pri="1000"/>
    <dgm:cat type="convert" pri="18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0" destOrd="0"/>
        <dgm:cxn modelId="8" srcId="0" destId="4" srcOrd="1" destOrd="0"/>
      </dgm:cxnLst>
      <dgm:bg/>
      <dgm:whole/>
    </dgm:dataModel>
  </dgm:sampData>
  <dgm:styleData useDef="1">
    <dgm:dataModel>
      <dgm:ptLst/>
      <dgm:bg/>
      <dgm:whole/>
    </dgm:dataModel>
  </dgm:styleData>
  <dgm:clrData useDef="1">
    <dgm:dataModel>
      <dgm:ptLst/>
      <dgm:bg/>
      <dgm:whole/>
    </dgm:dataModel>
  </dgm:clrData>
  <dgm:layoutNode name="matrix">
    <dgm:varLst>
      <dgm:chMax val="1"/>
      <dgm:dir/>
      <dgm:resizeHandles val="exact"/>
    </dgm:varLst>
    <dgm:alg type="composite">
      <dgm:param type="ar" val="1"/>
    </dgm:alg>
    <dgm:shape xmlns:r="http://schemas.openxmlformats.org/officeDocument/2006/relationships" r:blip="">
      <dgm:adjLst/>
    </dgm:shape>
    <dgm:presOf/>
    <dgm:choose name="Name0">
      <dgm:if name="Name1" func="var" arg="dir" op="equ" val="norm">
        <dgm:constrLst>
          <dgm:constr type="w" for="ch" forName="diamond" refType="w"/>
          <dgm:constr type="h" for="ch" forName="diamond" refType="h"/>
          <dgm:constr type="w" for="ch" forName="quad1" refType="w" fact="0.39"/>
          <dgm:constr type="h" for="ch" forName="quad1" refType="h" fact="0.39"/>
          <dgm:constr type="ctrX" for="ch" forName="quad1" refType="w" fact="0.29"/>
          <dgm:constr type="ctrY" for="ch" forName="quad1" refType="h" fact="0.29"/>
          <dgm:constr type="w" for="ch" forName="quad2" refType="w" fact="0.39"/>
          <dgm:constr type="h" for="ch" forName="quad2" refType="h" fact="0.39"/>
          <dgm:constr type="ctrX" for="ch" forName="quad2" refType="w" fact="0.71"/>
          <dgm:constr type="ctrY" for="ch" forName="quad2" refType="h" fact="0.29"/>
          <dgm:constr type="w" for="ch" forName="quad3" refType="w" fact="0.39"/>
          <dgm:constr type="h" for="ch" forName="quad3" refType="h" fact="0.39"/>
          <dgm:constr type="ctrX" for="ch" forName="quad3" refType="w" fact="0.29"/>
          <dgm:constr type="ctrY" for="ch" forName="quad3" refType="h" fact="0.71"/>
          <dgm:constr type="w" for="ch" forName="quad4" refType="w" fact="0.39"/>
          <dgm:constr type="h" for="ch" forName="quad4" refType="h" fact="0.39"/>
          <dgm:constr type="ctrX" for="ch" forName="quad4" refType="w" fact="0.71"/>
          <dgm:constr type="ctrY" for="ch" forName="quad4" refType="h" fact="0.71"/>
          <dgm:constr type="primFontSz" for="des" ptType="node" op="equ" val="65"/>
        </dgm:constrLst>
      </dgm:if>
      <dgm:else name="Name2">
        <dgm:constrLst>
          <dgm:constr type="w" for="ch" forName="diamond" refType="w"/>
          <dgm:constr type="h" for="ch" forName="diamond" refType="h"/>
          <dgm:constr type="w" for="ch" forName="quad1" refType="w" fact="0.39"/>
          <dgm:constr type="h" for="ch" forName="quad1" refType="h" fact="0.39"/>
          <dgm:constr type="ctrX" for="ch" forName="quad1" refType="w" fact="0.71"/>
          <dgm:constr type="ctrY" for="ch" forName="quad1" refType="h" fact="0.29"/>
          <dgm:constr type="w" for="ch" forName="quad2" refType="w" fact="0.39"/>
          <dgm:constr type="h" for="ch" forName="quad2" refType="h" fact="0.39"/>
          <dgm:constr type="ctrX" for="ch" forName="quad2" refType="w" fact="0.29"/>
          <dgm:constr type="ctrY" for="ch" forName="quad2" refType="h" fact="0.29"/>
          <dgm:constr type="w" for="ch" forName="quad3" refType="w" fact="0.39"/>
          <dgm:constr type="h" for="ch" forName="quad3" refType="h" fact="0.39"/>
          <dgm:constr type="ctrX" for="ch" forName="quad3" refType="w" fact="0.71"/>
          <dgm:constr type="ctrY" for="ch" forName="quad3" refType="h" fact="0.71"/>
          <dgm:constr type="w" for="ch" forName="quad4" refType="w" fact="0.39"/>
          <dgm:constr type="h" for="ch" forName="quad4" refType="h" fact="0.39"/>
          <dgm:constr type="ctrX" for="ch" forName="quad4" refType="w" fact="0.29"/>
          <dgm:constr type="ctrY" for="ch" forName="quad4" refType="h" fact="0.71"/>
          <dgm:constr type="primFontSz" for="des" ptType="node" op="equ" val="65"/>
        </dgm:constrLst>
      </dgm:else>
    </dgm:choose>
    <dgm:ruleLst/>
    <dgm:choose name="Name3">
      <dgm:if name="Name4" axis="ch" ptType="node" func="cnt" op="gte" val="1">
        <dgm:layoutNode name="diamond" styleLbl="bgShp">
          <dgm:alg type="sp"/>
          <dgm:shape xmlns:r="http://schemas.openxmlformats.org/officeDocument/2006/relationships" type="diamond" r:blip="">
            <dgm:adjLst/>
          </dgm:shape>
          <dgm:presOf/>
          <dgm:constrLst>
            <dgm:constr type="w" refType="h" op="equ"/>
          </dgm:constrLst>
          <dgm:ruleLst/>
        </dgm:layoutNode>
        <dgm:layoutNode name="quad1">
          <dgm:varLst>
            <dgm:chMax val="0"/>
            <dgm:chPref val="0"/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ch desOrSelf" ptType="node node" st="1 1" cnt="1 0"/>
          <dgm:constrLst>
            <dgm:constr type="w" refType="h" op="equ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layoutNode name="quad2">
          <dgm:varLst>
            <dgm:chMax val="0"/>
            <dgm:chPref val="0"/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ch desOrSelf" ptType="node node" st="2 1" cnt="1 0"/>
          <dgm:constrLst>
            <dgm:constr type="w" refType="h" op="equ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layoutNode name="quad3">
          <dgm:varLst>
            <dgm:chMax val="0"/>
            <dgm:chPref val="0"/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ch desOrSelf" ptType="node node" st="3 1" cnt="1 0"/>
          <dgm:constrLst>
            <dgm:constr type="w" refType="h" op="equ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layoutNode name="quad4">
          <dgm:varLst>
            <dgm:chMax val="0"/>
            <dgm:chPref val="0"/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ch desOrSelf" ptType="node node" st="4 1" cnt="1 0"/>
          <dgm:constrLst>
            <dgm:constr type="w" refType="h" op="equ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</dgm:if>
      <dgm:else name="Name5"/>
    </dgm:choose>
  </dgm:layoutNode>
</dgm:layoutDef>
</file>

<file path=ppt/diagrams/layout6.xml><?xml version="1.0" encoding="utf-8"?>
<dgm:layoutDef xmlns:dgm="http://schemas.openxmlformats.org/drawingml/2006/diagram" xmlns:a="http://schemas.openxmlformats.org/drawingml/2006/main" uniqueId="urn:microsoft.com/office/officeart/2005/8/layout/list1">
  <dgm:title val=""/>
  <dgm:desc val=""/>
  <dgm:catLst>
    <dgm:cat type="list" pri="4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4" srcId="0" destId="1" srcOrd="0" destOrd="0"/>
        <dgm:cxn modelId="5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dir/>
      <dgm:animLvl val="lvl"/>
      <dgm:resizeHandles val="exact"/>
    </dgm:varLst>
    <dgm:choose name="Name0">
      <dgm:if name="Name1" func="var" arg="dir" op="equ" val="norm">
        <dgm:alg type="lin">
          <dgm:param type="linDir" val="fromT"/>
          <dgm:param type="vertAlign" val="mid"/>
          <dgm:param type="horzAlign" val="l"/>
          <dgm:param type="nodeHorzAlign" val="l"/>
        </dgm:alg>
      </dgm:if>
      <dgm:else name="Name2">
        <dgm:alg type="lin">
          <dgm:param type="linDir" val="fromT"/>
          <dgm:param type="vertAlign" val="mid"/>
          <dgm:param type="horzAlign" val="r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parentLin" refType="w"/>
      <dgm:constr type="h" for="ch" forName="parentLin" val="INF"/>
      <dgm:constr type="w" for="des" forName="parentLeftMargin" refType="w" fact="0.05"/>
      <dgm:constr type="w" for="des" forName="parentText" refType="w" fact="0.7"/>
      <dgm:constr type="h" for="des" forName="parentText" refType="primFontSz" refFor="des" refForName="parentText" fact="0.82"/>
      <dgm:constr type="h" for="ch" forName="negativeSpace" refType="primFontSz" refFor="des" refForName="parentText" fact="-0.41"/>
      <dgm:constr type="h" for="ch" forName="negativeSpace" refType="h" refFor="des" refForName="parentText" op="lte" fact="-0.82"/>
      <dgm:constr type="h" for="ch" forName="negativeSpace" refType="h" refFor="des" refForName="parentText" op="gte" fact="-0.82"/>
      <dgm:constr type="w" for="ch" forName="childText" refType="w"/>
      <dgm:constr type="h" for="ch" forName="childText" refType="primFontSz" refFor="des" refForName="parentText" fact="0.7"/>
      <dgm:constr type="primFontSz" for="des" forName="parentText" val="65"/>
      <dgm:constr type="primFontSz" for="ch" forName="childText" refType="primFontSz" refFor="des" refForName="parentText"/>
      <dgm:constr type="tMarg" for="ch" forName="childText" refType="primFontSz" refFor="des" refForName="parentText" fact="1.64"/>
      <dgm:constr type="tMarg" for="ch" forName="childText" refType="h" refFor="des" refForName="parentText" op="lte" fact="3.28"/>
      <dgm:constr type="tMarg" for="ch" forName="childText" refType="h" refFor="des" refForName="parentText" op="gte" fact="3.28"/>
      <dgm:constr type="lMarg" for="ch" forName="childText" refType="w" fact="0.22"/>
      <dgm:constr type="rMarg" for="ch" forName="childText" refType="lMarg" refFor="ch" refForName="childText"/>
      <dgm:constr type="lMarg" for="des" forName="parentText" refType="w" fact="0.075"/>
      <dgm:constr type="rMarg" for="des" forName="parentText" refType="lMarg" refFor="des" refForName="parentText"/>
      <dgm:constr type="h" for="ch" forName="spaceBetweenRectangles" refType="primFontSz" refFor="des" refForName="parentText" fact="0.15"/>
    </dgm:constrLst>
    <dgm:ruleLst>
      <dgm:rule type="primFontSz" for="des" forName="parentText" val="5" fact="NaN" max="NaN"/>
    </dgm:ruleLst>
    <dgm:forEach name="Name3" axis="ch" ptType="node">
      <dgm:layoutNode name="parentLin">
        <dgm:choose name="Name4">
          <dgm:if name="Name5" func="var" arg="dir" op="equ" val="norm">
            <dgm:alg type="lin">
              <dgm:param type="linDir" val="fromL"/>
              <dgm:param type="horzAlign" val="l"/>
              <dgm:param type="nodeHorzAlign" val="l"/>
            </dgm:alg>
          </dgm:if>
          <dgm:else name="Name6">
            <dgm:alg type="lin">
              <dgm:param type="linDir" val="fromR"/>
              <dgm:param type="horzAlign" val="r"/>
              <dgm:param type="nodeHorzAlign" val="r"/>
            </dgm:alg>
          </dgm:else>
        </dgm:choose>
        <dgm:shape xmlns:r="http://schemas.openxmlformats.org/officeDocument/2006/relationships" r:blip="">
          <dgm:adjLst/>
        </dgm:shape>
        <dgm:presOf/>
        <dgm:constrLst/>
        <dgm:ruleLst/>
        <dgm:layoutNode name="parentLeftMargin">
          <dgm:alg type="sp"/>
          <dgm:shape xmlns:r="http://schemas.openxmlformats.org/officeDocument/2006/relationships" type="rect" r:blip="" hideGeom="1">
            <dgm:adjLst/>
          </dgm:shape>
          <dgm:presOf axis="self"/>
          <dgm:constrLst>
            <dgm:constr type="h"/>
          </dgm:constrLst>
          <dgm:ruleLst/>
        </dgm:layoutNode>
        <dgm:layoutNode name="parentText" styleLbl="node1">
          <dgm:varLst>
            <dgm:chMax val="0"/>
            <dgm:bulletEnabled val="1"/>
          </dgm:varLst>
          <dgm:choose name="Name7">
            <dgm:if name="Name8" func="var" arg="dir" op="equ" val="norm">
              <dgm:alg type="tx">
                <dgm:param type="parTxLTRAlign" val="l"/>
                <dgm:param type="parTxRTLAlign" val="l"/>
              </dgm:alg>
            </dgm:if>
            <dgm:else name="Name9">
              <dgm:alg type="tx">
                <dgm:param type="parTxLTRAlign" val="r"/>
                <dgm:param type="parTxRTLAlign" val="r"/>
              </dgm:alg>
            </dgm:else>
          </dgm:choose>
          <dgm:shape xmlns:r="http://schemas.openxmlformats.org/officeDocument/2006/relationships" type="roundRect" r:blip="">
            <dgm:adjLst/>
          </dgm:shape>
          <dgm:presOf axis="self" ptType="node"/>
          <dgm:constrLst>
            <dgm:constr type="tMarg"/>
            <dgm:constr type="bMarg"/>
          </dgm:constrLst>
          <dgm:ruleLst/>
        </dgm:layoutNode>
      </dgm:layoutNode>
      <dgm:layoutNode name="negativeSpace">
        <dgm:alg type="sp"/>
        <dgm:shape xmlns:r="http://schemas.openxmlformats.org/officeDocument/2006/relationships" r:blip="">
          <dgm:adjLst/>
        </dgm:shape>
        <dgm:presOf/>
        <dgm:constrLst/>
        <dgm:ruleLst/>
      </dgm:layoutNode>
      <dgm:layoutNode name="childText" styleLbl="conFgAcc1">
        <dgm:varLst>
          <dgm:bulletEnabled val="1"/>
        </dgm:varLst>
        <dgm:alg type="tx">
          <dgm:param type="stBulletLvl" val="1"/>
        </dgm:alg>
        <dgm:shape xmlns:r="http://schemas.openxmlformats.org/officeDocument/2006/relationships" type="rect" r:blip="" zOrderOff="-2">
          <dgm:adjLst/>
        </dgm:shape>
        <dgm:presOf axis="des" ptType="node"/>
        <dgm:constrLst>
          <dgm:constr type="secFontSz" refType="primFontSz"/>
        </dgm:constrLst>
        <dgm:ruleLst>
          <dgm:rule type="h" val="INF" fact="NaN" max="NaN"/>
        </dgm:ruleLst>
      </dgm:layoutNode>
      <dgm:forEach name="Name10" axis="followSib" ptType="sibTrans" cnt="1">
        <dgm:layoutNode name="spaceBetweenRectangle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7.xml><?xml version="1.0" encoding="utf-8"?>
<dgm:layoutDef xmlns:dgm="http://schemas.openxmlformats.org/drawingml/2006/diagram" xmlns:a="http://schemas.openxmlformats.org/drawingml/2006/main" uniqueId="urn:microsoft.com/office/officeart/2005/8/layout/hList6">
  <dgm:title val=""/>
  <dgm:desc val=""/>
  <dgm:catLst>
    <dgm:cat type="list" pri="18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h" for="ch" ptType="node" refType="h"/>
      <dgm:constr type="w" for="ch" ptType="node" refType="w"/>
      <dgm:constr type="primFontSz" for="ch" ptType="node" op="equ"/>
      <dgm:constr type="w" for="ch" forName="sibTrans" refType="w" fact="0.075"/>
    </dgm:constrLst>
    <dgm:ruleLst/>
    <dgm:forEach name="nodesForEach" axis="ch" ptType="node">
      <dgm:layoutNode name="node">
        <dgm:varLst>
          <dgm:bulletEnabled val="1"/>
        </dgm:varLst>
        <dgm:alg type="tx"/>
        <dgm:choose name="Name4">
          <dgm:if name="Name5" func="var" arg="dir" op="equ" val="norm">
            <dgm:shape xmlns:r="http://schemas.openxmlformats.org/officeDocument/2006/relationships" rot="-90" type="flowChartManualOperation" r:blip="">
              <dgm:adjLst/>
            </dgm:shape>
          </dgm:if>
          <dgm:else name="Name6">
            <dgm:shape xmlns:r="http://schemas.openxmlformats.org/officeDocument/2006/relationships" rot="90" type="flowChartManualOperation" r:blip="">
              <dgm:adjLst/>
            </dgm:shape>
          </dgm:else>
        </dgm:choose>
        <dgm:presOf axis="desOrSelf" ptType="node"/>
        <dgm:constrLst>
          <dgm:constr type="primFontSz" val="65"/>
          <dgm:constr type="tMarg"/>
          <dgm:constr type="bMarg"/>
          <dgm:constr type="lMarg" refType="primFontSz" fact="0.5"/>
          <dgm:constr type="rMarg" refType="lMarg"/>
        </dgm:constrLst>
        <dgm:ruleLst>
          <dgm:rule type="primFontSz" val="5" fact="NaN" max="NaN"/>
        </dgm:ruleLst>
      </dgm:layoutNode>
      <dgm:forEach name="sibTransForEach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8.xml><?xml version="1.0" encoding="utf-8"?>
<dgm:layoutDef xmlns:dgm="http://schemas.openxmlformats.org/drawingml/2006/diagram" xmlns:a="http://schemas.openxmlformats.org/drawingml/2006/main" uniqueId="urn:microsoft.com/office/officeart/2005/8/layout/list1">
  <dgm:title val=""/>
  <dgm:desc val=""/>
  <dgm:catLst>
    <dgm:cat type="list" pri="4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4" srcId="0" destId="1" srcOrd="0" destOrd="0"/>
        <dgm:cxn modelId="5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dir/>
      <dgm:animLvl val="lvl"/>
      <dgm:resizeHandles val="exact"/>
    </dgm:varLst>
    <dgm:choose name="Name0">
      <dgm:if name="Name1" func="var" arg="dir" op="equ" val="norm">
        <dgm:alg type="lin">
          <dgm:param type="linDir" val="fromT"/>
          <dgm:param type="vertAlign" val="mid"/>
          <dgm:param type="horzAlign" val="l"/>
          <dgm:param type="nodeHorzAlign" val="l"/>
        </dgm:alg>
      </dgm:if>
      <dgm:else name="Name2">
        <dgm:alg type="lin">
          <dgm:param type="linDir" val="fromT"/>
          <dgm:param type="vertAlign" val="mid"/>
          <dgm:param type="horzAlign" val="r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parentLin" refType="w"/>
      <dgm:constr type="h" for="ch" forName="parentLin" val="INF"/>
      <dgm:constr type="w" for="des" forName="parentLeftMargin" refType="w" fact="0.05"/>
      <dgm:constr type="w" for="des" forName="parentText" refType="w" fact="0.7"/>
      <dgm:constr type="h" for="des" forName="parentText" refType="primFontSz" refFor="des" refForName="parentText" fact="0.82"/>
      <dgm:constr type="h" for="ch" forName="negativeSpace" refType="primFontSz" refFor="des" refForName="parentText" fact="-0.41"/>
      <dgm:constr type="h" for="ch" forName="negativeSpace" refType="h" refFor="des" refForName="parentText" op="lte" fact="-0.82"/>
      <dgm:constr type="h" for="ch" forName="negativeSpace" refType="h" refFor="des" refForName="parentText" op="gte" fact="-0.82"/>
      <dgm:constr type="w" for="ch" forName="childText" refType="w"/>
      <dgm:constr type="h" for="ch" forName="childText" refType="primFontSz" refFor="des" refForName="parentText" fact="0.7"/>
      <dgm:constr type="primFontSz" for="des" forName="parentText" val="65"/>
      <dgm:constr type="primFontSz" for="ch" forName="childText" refType="primFontSz" refFor="des" refForName="parentText"/>
      <dgm:constr type="tMarg" for="ch" forName="childText" refType="primFontSz" refFor="des" refForName="parentText" fact="1.64"/>
      <dgm:constr type="tMarg" for="ch" forName="childText" refType="h" refFor="des" refForName="parentText" op="lte" fact="3.28"/>
      <dgm:constr type="tMarg" for="ch" forName="childText" refType="h" refFor="des" refForName="parentText" op="gte" fact="3.28"/>
      <dgm:constr type="lMarg" for="ch" forName="childText" refType="w" fact="0.22"/>
      <dgm:constr type="rMarg" for="ch" forName="childText" refType="lMarg" refFor="ch" refForName="childText"/>
      <dgm:constr type="lMarg" for="des" forName="parentText" refType="w" fact="0.075"/>
      <dgm:constr type="rMarg" for="des" forName="parentText" refType="lMarg" refFor="des" refForName="parentText"/>
      <dgm:constr type="h" for="ch" forName="spaceBetweenRectangles" refType="primFontSz" refFor="des" refForName="parentText" fact="0.15"/>
    </dgm:constrLst>
    <dgm:ruleLst>
      <dgm:rule type="primFontSz" for="des" forName="parentText" val="5" fact="NaN" max="NaN"/>
    </dgm:ruleLst>
    <dgm:forEach name="Name3" axis="ch" ptType="node">
      <dgm:layoutNode name="parentLin">
        <dgm:choose name="Name4">
          <dgm:if name="Name5" func="var" arg="dir" op="equ" val="norm">
            <dgm:alg type="lin">
              <dgm:param type="linDir" val="fromL"/>
              <dgm:param type="horzAlign" val="l"/>
              <dgm:param type="nodeHorzAlign" val="l"/>
            </dgm:alg>
          </dgm:if>
          <dgm:else name="Name6">
            <dgm:alg type="lin">
              <dgm:param type="linDir" val="fromR"/>
              <dgm:param type="horzAlign" val="r"/>
              <dgm:param type="nodeHorzAlign" val="r"/>
            </dgm:alg>
          </dgm:else>
        </dgm:choose>
        <dgm:shape xmlns:r="http://schemas.openxmlformats.org/officeDocument/2006/relationships" r:blip="">
          <dgm:adjLst/>
        </dgm:shape>
        <dgm:presOf/>
        <dgm:constrLst/>
        <dgm:ruleLst/>
        <dgm:layoutNode name="parentLeftMargin">
          <dgm:alg type="sp"/>
          <dgm:shape xmlns:r="http://schemas.openxmlformats.org/officeDocument/2006/relationships" type="rect" r:blip="" hideGeom="1">
            <dgm:adjLst/>
          </dgm:shape>
          <dgm:presOf axis="self"/>
          <dgm:constrLst>
            <dgm:constr type="h"/>
          </dgm:constrLst>
          <dgm:ruleLst/>
        </dgm:layoutNode>
        <dgm:layoutNode name="parentText" styleLbl="node1">
          <dgm:varLst>
            <dgm:chMax val="0"/>
            <dgm:bulletEnabled val="1"/>
          </dgm:varLst>
          <dgm:choose name="Name7">
            <dgm:if name="Name8" func="var" arg="dir" op="equ" val="norm">
              <dgm:alg type="tx">
                <dgm:param type="parTxLTRAlign" val="l"/>
                <dgm:param type="parTxRTLAlign" val="l"/>
              </dgm:alg>
            </dgm:if>
            <dgm:else name="Name9">
              <dgm:alg type="tx">
                <dgm:param type="parTxLTRAlign" val="r"/>
                <dgm:param type="parTxRTLAlign" val="r"/>
              </dgm:alg>
            </dgm:else>
          </dgm:choose>
          <dgm:shape xmlns:r="http://schemas.openxmlformats.org/officeDocument/2006/relationships" type="roundRect" r:blip="">
            <dgm:adjLst/>
          </dgm:shape>
          <dgm:presOf axis="self" ptType="node"/>
          <dgm:constrLst>
            <dgm:constr type="tMarg"/>
            <dgm:constr type="bMarg"/>
          </dgm:constrLst>
          <dgm:ruleLst/>
        </dgm:layoutNode>
      </dgm:layoutNode>
      <dgm:layoutNode name="negativeSpace">
        <dgm:alg type="sp"/>
        <dgm:shape xmlns:r="http://schemas.openxmlformats.org/officeDocument/2006/relationships" r:blip="">
          <dgm:adjLst/>
        </dgm:shape>
        <dgm:presOf/>
        <dgm:constrLst/>
        <dgm:ruleLst/>
      </dgm:layoutNode>
      <dgm:layoutNode name="childText" styleLbl="conFgAcc1">
        <dgm:varLst>
          <dgm:bulletEnabled val="1"/>
        </dgm:varLst>
        <dgm:alg type="tx">
          <dgm:param type="stBulletLvl" val="1"/>
        </dgm:alg>
        <dgm:shape xmlns:r="http://schemas.openxmlformats.org/officeDocument/2006/relationships" type="rect" r:blip="" zOrderOff="-2">
          <dgm:adjLst/>
        </dgm:shape>
        <dgm:presOf axis="des" ptType="node"/>
        <dgm:constrLst>
          <dgm:constr type="secFontSz" refType="primFontSz"/>
        </dgm:constrLst>
        <dgm:ruleLst>
          <dgm:rule type="h" val="INF" fact="NaN" max="NaN"/>
        </dgm:ruleLst>
      </dgm:layoutNode>
      <dgm:forEach name="Name10" axis="followSib" ptType="sibTrans" cnt="1">
        <dgm:layoutNode name="spaceBetweenRectangle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9.xml><?xml version="1.0" encoding="utf-8"?>
<dgm:layoutDef xmlns:dgm="http://schemas.openxmlformats.org/drawingml/2006/diagram" xmlns:a="http://schemas.openxmlformats.org/drawingml/2006/main" uniqueId="urn:microsoft.com/office/officeart/2005/8/layout/hierarchy4">
  <dgm:title val=""/>
  <dgm:desc val=""/>
  <dgm:catLst>
    <dgm:cat type="hierarchy" pri="4000"/>
    <dgm:cat type="list" pri="24000"/>
    <dgm:cat type="relationship" pri="1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</dgm:ptLst>
      <dgm:cxnLst>
        <dgm:cxn modelId="4" srcId="0" destId="1" srcOrd="0" destOrd="0"/>
        <dgm:cxn modelId="5" srcId="1" destId="2" srcOrd="0" destOrd="0"/>
        <dgm:cxn modelId="6" srcId="1" destId="3" srcOrd="1" destOrd="0"/>
        <dgm:cxn modelId="23" srcId="2" destId="21" srcOrd="0" destOrd="0"/>
        <dgm:cxn modelId="24" srcId="2" destId="22" srcOrd="1" destOrd="0"/>
        <dgm:cxn modelId="33" srcId="3" destId="31" srcOrd="0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</dgm:ptLst>
      <dgm:cxnLst>
        <dgm:cxn modelId="2" srcId="0" destId="1" srcOrd="0" destOrd="0"/>
        <dgm:cxn modelId="13" srcId="1" destId="11" srcOrd="0" destOrd="0"/>
        <dgm:cxn modelId="14" srcId="1" destId="1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21"/>
        <dgm:pt modelId="211"/>
        <dgm:pt modelId="3"/>
        <dgm:pt modelId="31"/>
        <dgm:pt modelId="311"/>
      </dgm:ptLst>
      <dgm:cxnLst>
        <dgm:cxn modelId="4" srcId="0" destId="1" srcOrd="0" destOrd="0"/>
        <dgm:cxn modelId="5" srcId="1" destId="2" srcOrd="0" destOrd="0"/>
        <dgm:cxn modelId="6" srcId="1" destId="3" srcOrd="1" destOrd="0"/>
        <dgm:cxn modelId="23" srcId="2" destId="21" srcOrd="0" destOrd="0"/>
        <dgm:cxn modelId="24" srcId="21" destId="211" srcOrd="0" destOrd="0"/>
        <dgm:cxn modelId="33" srcId="3" destId="31" srcOrd="0" destOrd="0"/>
        <dgm:cxn modelId="34" srcId="31" destId="311" srcOrd="0" destOrd="0"/>
      </dgm:cxnLst>
      <dgm:bg/>
      <dgm:whole/>
    </dgm:dataModel>
  </dgm:clrData>
  <dgm:layoutNode name="Name0">
    <dgm:varLst>
      <dgm:chPref val="1"/>
      <dgm:dir/>
      <dgm:animOne val="branch"/>
      <dgm:animLvl val="lvl"/>
      <dgm:resizeHandles/>
    </dgm:varLst>
    <dgm:choose name="Name1">
      <dgm:if name="Name2" func="var" arg="dir" op="equ" val="norm">
        <dgm:alg type="lin">
          <dgm:param type="linDir" val="fromL"/>
          <dgm:param type="nodeVertAlign" val="t"/>
        </dgm:alg>
      </dgm:if>
      <dgm:else name="Name3">
        <dgm:alg type="lin">
          <dgm:param type="linDir" val="fromR"/>
          <dgm:param type="nodeVertAlign" val="t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vertOne" refType="w"/>
      <dgm:constr type="w" for="des" forName="horzOne" refType="w"/>
      <dgm:constr type="w" for="des" forName="txOne" refType="w"/>
      <dgm:constr type="w" for="des" forName="vertTwo" refType="w"/>
      <dgm:constr type="w" for="des" forName="horzTwo" refType="w"/>
      <dgm:constr type="w" for="des" forName="txTwo" refType="w"/>
      <dgm:constr type="w" for="des" forName="vertThree" refType="w"/>
      <dgm:constr type="w" for="des" forName="horzThree" refType="w"/>
      <dgm:constr type="w" for="des" forName="txThree" refType="w"/>
      <dgm:constr type="w" for="des" forName="vertFour" refType="w"/>
      <dgm:constr type="w" for="des" forName="horzFour" refType="w"/>
      <dgm:constr type="w" for="des" forName="txFour" refType="w"/>
      <dgm:constr type="h" for="des" ptType="node" op="equ"/>
      <dgm:constr type="h" for="des" forName="txOne" refType="h"/>
      <dgm:constr type="userH" for="des" ptType="node" refType="h" refFor="des" refForName="txOne"/>
      <dgm:constr type="primFontSz" for="des" forName="txOne" val="65"/>
      <dgm:constr type="primFontSz" for="des" forName="txTwo" val="65"/>
      <dgm:constr type="primFontSz" for="des" forName="txTwo" refType="primFontSz" refFor="des" refForName="txOne" op="lte"/>
      <dgm:constr type="primFontSz" for="des" forName="txThree" val="65"/>
      <dgm:constr type="primFontSz" for="des" forName="txThree" refType="primFontSz" refFor="des" refForName="txOne" op="lte"/>
      <dgm:constr type="primFontSz" for="des" forName="txThree" refType="primFontSz" refFor="des" refForName="txTwo" op="lte"/>
      <dgm:constr type="primFontSz" for="des" forName="txFour" val="65"/>
      <dgm:constr type="primFontSz" for="des" forName="txFour" refType="primFontSz" refFor="des" refForName="txOne" op="lte"/>
      <dgm:constr type="primFontSz" for="des" forName="txFour" refType="primFontSz" refFor="des" refForName="txTwo" op="lte"/>
      <dgm:constr type="primFontSz" for="des" forName="txFour" refType="primFontSz" refFor="des" refForName="txThree" op="lte"/>
      <dgm:constr type="w" for="des" forName="sibSpaceOne" refType="w" fact="0.168"/>
      <dgm:constr type="w" for="des" forName="sibSpaceTwo" refType="w" refFor="des" refForName="sibSpaceOne" op="equ" fact="0.5"/>
      <dgm:constr type="w" for="des" forName="sibSpaceThree" refType="w" refFor="des" refForName="sibSpaceTwo" op="equ" fact="0.5"/>
      <dgm:constr type="w" for="des" forName="sibSpaceFour" refType="w" refFor="des" refForName="sibSpaceThree" op="equ" fact="0.5"/>
      <dgm:constr type="h" for="des" forName="parTransOne" refType="w" fact="0.056"/>
      <dgm:constr type="h" for="des" forName="parTransTwo" refType="h" refFor="des" refForName="parTransOne" op="equ"/>
      <dgm:constr type="h" for="des" forName="parTransThree" refType="h" refFor="des" refForName="parTransTwo" op="equ"/>
      <dgm:constr type="h" for="des" forName="parTransFour" refType="h" refFor="des" refForName="parTransThree" op="equ"/>
    </dgm:constrLst>
    <dgm:ruleLst/>
    <dgm:forEach name="Name4" axis="ch" ptType="node">
      <dgm:layoutNode name="vertOne">
        <dgm:alg type="lin">
          <dgm:param type="linDir" val="fromT"/>
        </dgm:alg>
        <dgm:shape xmlns:r="http://schemas.openxmlformats.org/officeDocument/2006/relationships" r:blip="">
          <dgm:adjLst/>
        </dgm:shape>
        <dgm:presOf/>
        <dgm:constrLst>
          <dgm:constr type="w" for="ch" forName="txOne" refType="w" refFor="ch" refForName="horzOne" op="gte"/>
        </dgm:constrLst>
        <dgm:ruleLst/>
        <dgm:layoutNode name="txOne" styleLbl="node0">
          <dgm:varLst>
            <dgm:chPref val="3"/>
          </dgm:varLst>
          <dgm:alg type="tx"/>
          <dgm:shape xmlns:r="http://schemas.openxmlformats.org/officeDocument/2006/relationships" type="roundRect" r:blip="">
            <dgm:adjLst>
              <dgm:adj idx="1" val="0.1"/>
            </dgm:adjLst>
          </dgm:shape>
          <dgm:presOf axis="self"/>
          <dgm:constrLst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5">
          <dgm:if name="Name6" axis="des" ptType="node" func="cnt" op="gt" val="0">
            <dgm:layoutNode name="parTransOn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if>
          <dgm:else name="Name7"/>
        </dgm:choose>
        <dgm:layoutNode name="horzOne">
          <dgm:choose name="Name8">
            <dgm:if name="Name9" func="var" arg="dir" op="equ" val="norm">
              <dgm:alg type="lin">
                <dgm:param type="linDir" val="fromL"/>
                <dgm:param type="nodeVertAlign" val="t"/>
              </dgm:alg>
            </dgm:if>
            <dgm:else name="Name10">
              <dgm:alg type="lin">
                <dgm:param type="linDir" val="fromR"/>
                <dgm:param type="nodeVertAlign" val="t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/>
          <dgm:ruleLst>
            <dgm:rule type="w" val="INF" fact="NaN" max="NaN"/>
          </dgm:ruleLst>
          <dgm:forEach name="Name11" axis="ch" ptType="node">
            <dgm:layoutNode name="vertTwo">
              <dgm:alg type="lin">
                <dgm:param type="linDir" val="fromT"/>
              </dgm:alg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txTwo" refType="w" refFor="ch" refForName="horzTwo" op="gte"/>
              </dgm:constrLst>
              <dgm:ruleLst/>
              <dgm:layoutNode name="txTwo">
                <dgm:varLst>
                  <dgm:chPref val="3"/>
                </dgm:varLst>
                <dgm:alg type="tx"/>
                <dgm:shape xmlns:r="http://schemas.openxmlformats.org/officeDocument/2006/relationships" type="roundRect" r:blip="">
                  <dgm:adjLst>
                    <dgm:adj idx="1" val="0.1"/>
                  </dgm:adjLst>
                </dgm:shape>
                <dgm:presOf axis="self"/>
                <dgm:constrLst>
                  <dgm:constr type="userH"/>
                  <dgm:constr type="h" refType="userH"/>
                  <dgm:constr type="tMarg" refType="primFontSz" fact="0.3"/>
                  <dgm:constr type="bMarg" refType="primFontSz" fact="0.3"/>
                  <dgm:constr type="lMarg" refType="primFontSz" fact="0.3"/>
                  <dgm:constr type="rMarg" refType="primFontSz" fact="0.3"/>
                </dgm:constrLst>
                <dgm:ruleLst>
                  <dgm:rule type="primFontSz" val="5" fact="NaN" max="NaN"/>
                </dgm:ruleLst>
              </dgm:layoutNode>
              <dgm:choose name="Name12">
                <dgm:if name="Name13" axis="des" ptType="node" func="cnt" op="gt" val="0">
                  <dgm:layoutNode name="parTransTwo">
                    <dgm:alg type="sp"/>
                    <dgm:shape xmlns:r="http://schemas.openxmlformats.org/officeDocument/2006/relationships" r:blip="">
                      <dgm:adjLst/>
                    </dgm:shape>
                    <dgm:presOf/>
                    <dgm:constrLst/>
                    <dgm:ruleLst/>
                  </dgm:layoutNode>
                </dgm:if>
                <dgm:else name="Name14"/>
              </dgm:choose>
              <dgm:layoutNode name="horzTwo">
                <dgm:choose name="Name15">
                  <dgm:if name="Name16" func="var" arg="dir" op="equ" val="norm">
                    <dgm:alg type="lin">
                      <dgm:param type="linDir" val="fromL"/>
                      <dgm:param type="nodeVertAlign" val="t"/>
                    </dgm:alg>
                  </dgm:if>
                  <dgm:else name="Name17">
                    <dgm:alg type="lin">
                      <dgm:param type="linDir" val="fromR"/>
                      <dgm:param type="nodeVertAlign" val="t"/>
                    </dgm:alg>
                  </dgm:else>
                </dgm:choose>
                <dgm:shape xmlns:r="http://schemas.openxmlformats.org/officeDocument/2006/relationships" r:blip="">
                  <dgm:adjLst/>
                </dgm:shape>
                <dgm:presOf/>
                <dgm:constrLst/>
                <dgm:ruleLst>
                  <dgm:rule type="w" val="INF" fact="NaN" max="NaN"/>
                </dgm:ruleLst>
                <dgm:forEach name="Name18" axis="ch" ptType="node">
                  <dgm:layoutNode name="vertThree">
                    <dgm:alg type="lin">
                      <dgm:param type="linDir" val="fromT"/>
                    </dgm:alg>
                    <dgm:shape xmlns:r="http://schemas.openxmlformats.org/officeDocument/2006/relationships" r:blip="">
                      <dgm:adjLst/>
                    </dgm:shape>
                    <dgm:presOf/>
                    <dgm:constrLst>
                      <dgm:constr type="w" for="ch" forName="txThree" refType="w" refFor="ch" refForName="horzThree" op="gte"/>
                    </dgm:constrLst>
                    <dgm:ruleLst/>
                    <dgm:layoutNode name="txThree">
                      <dgm:varLst>
                        <dgm:chPref val="3"/>
                      </dgm:varLst>
                      <dgm:alg type="tx"/>
                      <dgm:shape xmlns:r="http://schemas.openxmlformats.org/officeDocument/2006/relationships" type="roundRect" r:blip="">
                        <dgm:adjLst>
                          <dgm:adj idx="1" val="0.1"/>
                        </dgm:adjLst>
                      </dgm:shape>
                      <dgm:presOf axis="self"/>
                      <dgm:constrLst>
                        <dgm:constr type="userH"/>
                        <dgm:constr type="h" refType="userH"/>
                        <dgm:constr type="tMarg" refType="primFontSz" fact="0.3"/>
                        <dgm:constr type="bMarg" refType="primFontSz" fact="0.3"/>
                        <dgm:constr type="lMarg" refType="primFontSz" fact="0.3"/>
                        <dgm:constr type="rMarg" refType="primFontSz" fact="0.3"/>
                      </dgm:constrLst>
                      <dgm:ruleLst>
                        <dgm:rule type="primFontSz" val="5" fact="NaN" max="NaN"/>
                      </dgm:ruleLst>
                    </dgm:layoutNode>
                    <dgm:choose name="Name19">
                      <dgm:if name="Name20" axis="des" ptType="node" func="cnt" op="gt" val="0">
                        <dgm:layoutNode name="parTransThree">
                          <dgm:alg type="sp"/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/>
                          <dgm:ruleLst/>
                        </dgm:layoutNode>
                      </dgm:if>
                      <dgm:else name="Name21"/>
                    </dgm:choose>
                    <dgm:layoutNode name="horzThree">
                      <dgm:choose name="Name22">
                        <dgm:if name="Name23" func="var" arg="dir" op="equ" val="norm">
                          <dgm:alg type="lin">
                            <dgm:param type="linDir" val="fromL"/>
                            <dgm:param type="nodeVertAlign" val="t"/>
                          </dgm:alg>
                        </dgm:if>
                        <dgm:else name="Name24">
                          <dgm:alg type="lin">
                            <dgm:param type="linDir" val="fromR"/>
                            <dgm:param type="nodeVertAlign" val="t"/>
                          </dgm:alg>
                        </dgm:else>
                      </dgm:choose>
                      <dgm:shape xmlns:r="http://schemas.openxmlformats.org/officeDocument/2006/relationships" r:blip="">
                        <dgm:adjLst/>
                      </dgm:shape>
                      <dgm:presOf/>
                      <dgm:constrLst/>
                      <dgm:ruleLst>
                        <dgm:rule type="w" val="INF" fact="NaN" max="NaN"/>
                      </dgm:ruleLst>
                      <dgm:forEach name="repeat" axis="ch" ptType="node">
                        <dgm:layoutNode name="vertFour">
                          <dgm:varLst>
                            <dgm:chPref val="3"/>
                          </dgm:varLst>
                          <dgm:alg type="lin">
                            <dgm:param type="linDir" val="fromT"/>
                          </dgm:alg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>
                            <dgm:constr type="w" for="ch" forName="txFour" refType="w" refFor="ch" refForName="horzFour" op="gte"/>
                          </dgm:constrLst>
                          <dgm:ruleLst/>
                          <dgm:layoutNode name="txFour">
                            <dgm:varLst>
                              <dgm:chPref val="3"/>
                            </dgm:varLst>
                            <dgm:alg type="tx"/>
                            <dgm:shape xmlns:r="http://schemas.openxmlformats.org/officeDocument/2006/relationships" type="roundRect" r:blip="">
                              <dgm:adjLst>
                                <dgm:adj idx="1" val="0.1"/>
                              </dgm:adjLst>
                            </dgm:shape>
                            <dgm:presOf axis="self"/>
                            <dgm:constrLst>
                              <dgm:constr type="userH"/>
                              <dgm:constr type="h" refType="userH"/>
                              <dgm:constr type="tMarg" refType="primFontSz" fact="0.3"/>
                              <dgm:constr type="bMarg" refType="primFontSz" fact="0.3"/>
                              <dgm:constr type="lMarg" refType="primFontSz" fact="0.3"/>
                              <dgm:constr type="rMarg" refType="primFontSz" fact="0.3"/>
                            </dgm:constrLst>
                            <dgm:ruleLst>
                              <dgm:rule type="primFontSz" val="5" fact="NaN" max="NaN"/>
                            </dgm:ruleLst>
                          </dgm:layoutNode>
                          <dgm:choose name="Name25">
                            <dgm:if name="Name26" axis="des" ptType="node" func="cnt" op="gt" val="0">
                              <dgm:layoutNode name="parTransFour">
                                <dgm:alg type="sp"/>
                                <dgm:shape xmlns:r="http://schemas.openxmlformats.org/officeDocument/2006/relationships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</dgm:if>
                            <dgm:else name="Name27"/>
                          </dgm:choose>
                          <dgm:layoutNode name="horzFour">
                            <dgm:choose name="Name28">
                              <dgm:if name="Name29" func="var" arg="dir" op="equ" val="norm">
                                <dgm:alg type="lin">
                                  <dgm:param type="linDir" val="fromL"/>
                                  <dgm:param type="nodeVertAlign" val="t"/>
                                </dgm:alg>
                              </dgm:if>
                              <dgm:else name="Name30">
                                <dgm:alg type="lin">
                                  <dgm:param type="linDir" val="fromR"/>
                                  <dgm:param type="nodeVertAlign" val="t"/>
                                </dgm:alg>
                              </dgm:else>
                            </dgm:choose>
                            <dgm:shape xmlns:r="http://schemas.openxmlformats.org/officeDocument/2006/relationships" r:blip="">
                              <dgm:adjLst/>
                            </dgm:shape>
                            <dgm:presOf/>
                            <dgm:constrLst/>
                            <dgm:ruleLst>
                              <dgm:rule type="w" val="INF" fact="NaN" max="NaN"/>
                            </dgm:ruleLst>
                            <dgm:forEach name="Name31" ref="repeat"/>
                          </dgm:layoutNode>
                        </dgm:layoutNode>
                        <dgm:choose name="Name32">
                          <dgm:if name="Name33" axis="self" ptType="node" func="revPos" op="gte" val="2">
                            <dgm:forEach name="Name34" axis="followSib" ptType="sibTrans" cnt="1">
                              <dgm:layoutNode name="sibSpaceFour">
                                <dgm:alg type="sp"/>
                                <dgm:shape xmlns:r="http://schemas.openxmlformats.org/officeDocument/2006/relationships" r:blip="">
                                  <dgm:adjLst/>
                                </dgm:shape>
                                <dgm:presOf/>
                                <dgm:constrLst/>
                                <dgm:ruleLst/>
                              </dgm:layoutNode>
                            </dgm:forEach>
                          </dgm:if>
                          <dgm:else name="Name35"/>
                        </dgm:choose>
                      </dgm:forEach>
                    </dgm:layoutNode>
                  </dgm:layoutNode>
                  <dgm:choose name="Name36">
                    <dgm:if name="Name37" axis="self" ptType="node" func="revPos" op="gte" val="2">
                      <dgm:forEach name="Name38" axis="followSib" ptType="sibTrans" cnt="1">
                        <dgm:layoutNode name="sibSpaceThree">
                          <dgm:alg type="sp"/>
                          <dgm:shape xmlns:r="http://schemas.openxmlformats.org/officeDocument/2006/relationships" r:blip="">
                            <dgm:adjLst/>
                          </dgm:shape>
                          <dgm:presOf/>
                          <dgm:constrLst/>
                          <dgm:ruleLst/>
                        </dgm:layoutNode>
                      </dgm:forEach>
                    </dgm:if>
                    <dgm:else name="Name39"/>
                  </dgm:choose>
                </dgm:forEach>
              </dgm:layoutNode>
            </dgm:layoutNode>
            <dgm:choose name="Name40">
              <dgm:if name="Name41" axis="self" ptType="node" func="revPos" op="gte" val="2">
                <dgm:forEach name="Name42" axis="followSib" ptType="sibTrans" cnt="1">
                  <dgm:layoutNode name="sibSpaceTwo">
                    <dgm:alg type="sp"/>
                    <dgm:shape xmlns:r="http://schemas.openxmlformats.org/officeDocument/2006/relationships" r:blip="">
                      <dgm:adjLst/>
                    </dgm:shape>
                    <dgm:presOf/>
                    <dgm:constrLst/>
                    <dgm:ruleLst/>
                  </dgm:layoutNode>
                </dgm:forEach>
              </dgm:if>
              <dgm:else name="Name43"/>
            </dgm:choose>
          </dgm:forEach>
        </dgm:layoutNode>
      </dgm:layoutNode>
      <dgm:choose name="Name44">
        <dgm:if name="Name45" axis="self" ptType="node" func="revPos" op="gte" val="2">
          <dgm:forEach name="Name46" axis="followSib" ptType="sibTrans" cnt="1">
            <dgm:layoutNode name="sibSpaceOn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if>
        <dgm:else name="Name47"/>
      </dgm:choose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3d6">
  <dgm:title val=""/>
  <dgm:desc val=""/>
  <dgm:catLst>
    <dgm:cat type="3D" pri="11600"/>
  </dgm:catLst>
  <dgm:scene3d>
    <a:camera prst="perspectiveRelaxedModerately" zoom="92000"/>
    <a:lightRig rig="balanced" dir="t">
      <a:rot lat="0" lon="0" rev="12700000"/>
    </a:lightRig>
  </dgm:scene3d>
  <dgm:styleLbl name="node0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 z="50080"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 z="-54000"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 z="-2540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 z="-54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 z="-25400" prstMaterial="plastic"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 z="75000" prstMaterial="plastic"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 z="-25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 z="-25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 z="-25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 z="-25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 z="-25400" prstMaterial="plastic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parChTrans1D2">
    <dgm:scene3d>
      <a:camera prst="orthographicFront"/>
      <a:lightRig rig="threePt" dir="t"/>
    </dgm:scene3d>
    <dgm:sp3d z="-25400" prstMaterial="plastic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parChTrans1D3">
    <dgm:scene3d>
      <a:camera prst="orthographicFront"/>
      <a:lightRig rig="threePt" dir="t"/>
    </dgm:scene3d>
    <dgm:sp3d z="-25400" prstMaterial="plastic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parChTrans1D4">
    <dgm:scene3d>
      <a:camera prst="orthographicFront"/>
      <a:lightRig rig="threePt" dir="t"/>
    </dgm:scene3d>
    <dgm:sp3d z="-25400" prstMaterial="plastic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fgAcc1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 z="-15240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 z="-15240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 z="15240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 z="-15240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 z="-152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 z="50080" prstMaterial="plastic">
      <a:bevelT w="25400" h="25400"/>
      <a:bevelB w="25400" h="25400"/>
    </dgm:sp3d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 z="-152400" prstMaterial="plastic">
      <a:bevelT w="25400" h="25400"/>
      <a:bevelB w="25400" h="25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 z="-10400" extrusionH="12700" prstMaterial="plastic"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 z="50080" prstMaterial="plastic">
      <a:bevelT w="50800" h="50800"/>
      <a:bevelB w="50800" h="508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</dgm:styleDef>
</file>

<file path=ppt/diagrams/quickStyle10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3d2">
  <dgm:title val=""/>
  <dgm:desc val=""/>
  <dgm:catLst>
    <dgm:cat type="3D" pri="11200"/>
  </dgm:catLst>
  <dgm:scene3d>
    <a:camera prst="orthographicFront"/>
    <a:lightRig rig="threePt" dir="t"/>
  </dgm:scene3d>
  <dgm:styleLbl name="node0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tx1"/>
      </a:fontRef>
    </dgm:style>
  </dgm:styleLbl>
  <dgm:styleLbl name="alingNode1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>
        <a:rot lat="0" lon="0" rev="7500000"/>
      </a:lightRig>
    </dgm:scene3d>
    <dgm:sp3d z="152400" extrusionH="63500" prstMaterial="matte">
      <a:bevelT w="50800" h="19050" prst="relaxedInset"/>
      <a:contourClr>
        <a:schemeClr val="bg1"/>
      </a:contourClr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>
        <a:rot lat="0" lon="0" rev="7500000"/>
      </a:lightRig>
    </dgm:scene3d>
    <dgm:sp3d z="254000" extrusionH="63500" contourW="12700" prstMaterial="matte">
      <a:contourClr>
        <a:schemeClr val="lt1"/>
      </a:contourClr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>
        <a:rot lat="0" lon="0" rev="7500000"/>
      </a:lightRig>
    </dgm:scene3d>
    <dgm:sp3d z="-152400" extrusionH="63500" contourW="12700" prstMaterial="matte">
      <a:contourClr>
        <a:schemeClr val="lt1"/>
      </a:contourClr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>
        <a:rot lat="0" lon="0" rev="7500000"/>
      </a:lightRig>
    </dgm:scene3d>
    <dgm:sp3d z="-70000" extrusionH="63500" prstMaterial="matte">
      <a:bevelT w="25400" h="6350" prst="relaxedInset"/>
      <a:contourClr>
        <a:schemeClr val="bg1"/>
      </a:contourClr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>
        <a:rot lat="0" lon="0" rev="7500000"/>
      </a:lightRig>
    </dgm:scene3d>
    <dgm:sp3d z="152400" extrusionH="63500" prstMaterial="matte">
      <a:bevelT w="25400" h="6350" prst="relaxedInset"/>
      <a:contourClr>
        <a:schemeClr val="bg1"/>
      </a:contourClr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>
        <a:rot lat="0" lon="0" rev="7500000"/>
      </a:lightRig>
    </dgm:scene3d>
    <dgm:sp3d z="-152400" extrusionH="63500" prstMaterial="matte">
      <a:bevelT w="25400" h="6350" prst="relaxedInset"/>
      <a:contourClr>
        <a:schemeClr val="bg1"/>
      </a:contourClr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>
        <a:rot lat="0" lon="0" rev="7500000"/>
      </a:lightRig>
    </dgm:scene3d>
    <dgm:sp3d z="-40000" prstMaterial="matte"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>
        <a:rot lat="0" lon="0" rev="7500000"/>
      </a:lightRig>
    </dgm:scene3d>
    <dgm:sp3d z="127000" prstMaterial="matte"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>
        <a:rot lat="0" lon="0" rev="7500000"/>
      </a:lightRig>
    </dgm:scene3d>
    <dgm:sp3d extrusionH="63500" prstMaterial="matte">
      <a:bevelT w="50800" h="19050" prst="relaxedInset"/>
      <a:contourClr>
        <a:schemeClr val="bg1"/>
      </a:contourClr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>
        <a:rot lat="0" lon="0" rev="7500000"/>
      </a:lightRig>
    </dgm:scene3d>
    <dgm:sp3d extrusionH="63500" prstMaterial="matte">
      <a:bevelT w="50800" h="19050" prst="relaxedInset"/>
      <a:contourClr>
        <a:schemeClr val="bg1"/>
      </a:contourClr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>
        <a:rot lat="0" lon="0" rev="7500000"/>
      </a:lightRig>
    </dgm:scene3d>
    <dgm:sp3d z="60000" prstMaterial="flat">
      <a:bevelT w="120900" h="88900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>
        <a:rot lat="0" lon="0" rev="7500000"/>
      </a:lightRig>
    </dgm:scene3d>
    <dgm:sp3d z="60000" prstMaterial="flat">
      <a:bevelT w="120900" h="88900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>
        <a:rot lat="0" lon="0" rev="7500000"/>
      </a:lightRig>
    </dgm:scene3d>
    <dgm:sp3d z="-40000"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>
        <a:rot lat="0" lon="0" rev="7500000"/>
      </a:lightRig>
    </dgm:scene3d>
    <dgm:sp3d z="-40000"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>
        <a:rot lat="0" lon="0" rev="7500000"/>
      </a:lightRig>
    </dgm:scene3d>
    <dgm:sp3d z="-40000"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>
        <a:rot lat="0" lon="0" rev="7500000"/>
      </a:lightRig>
    </dgm:scene3d>
    <dgm:sp3d z="-40000"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>
        <a:rot lat="0" lon="0" rev="7500000"/>
      </a:lightRig>
    </dgm:scene3d>
    <dgm:sp3d z="152400" extrusionH="63500" prstMaterial="dkEdge">
      <a:bevelT w="135400" h="163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conFgAcc1">
    <dgm:scene3d>
      <a:camera prst="orthographicFront"/>
      <a:lightRig rig="threePt" dir="t">
        <a:rot lat="0" lon="0" rev="7500000"/>
      </a:lightRig>
    </dgm:scene3d>
    <dgm:sp3d z="152400" extrusionH="63500" prstMaterial="dkEdge">
      <a:bevelT w="135400" h="163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1">
    <dgm:scene3d>
      <a:camera prst="orthographicFront"/>
      <a:lightRig rig="threePt" dir="t">
        <a:rot lat="0" lon="0" rev="7500000"/>
      </a:lightRig>
    </dgm:scene3d>
    <dgm:sp3d extrusionH="190500" prstMaterial="dkEdge">
      <a:bevelT w="135400" h="163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AlignAcc1">
    <dgm:scene3d>
      <a:camera prst="orthographicFront"/>
      <a:lightRig rig="threePt" dir="t">
        <a:rot lat="0" lon="0" rev="7500000"/>
      </a:lightRig>
    </dgm:scene3d>
    <dgm:sp3d prstMaterial="plastic">
      <a:bevelT w="127000" h="354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bgAcc1">
    <dgm:scene3d>
      <a:camera prst="orthographicFront"/>
      <a:lightRig rig="threePt" dir="t">
        <a:rot lat="0" lon="0" rev="7500000"/>
      </a:lightRig>
    </dgm:scene3d>
    <dgm:sp3d z="-152400" extrusionH="63500" prstMaterial="dkEdge">
      <a:bevelT w="124450" h="163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>
        <a:rot lat="0" lon="0" rev="7500000"/>
      </a:lightRig>
    </dgm:scene3d>
    <dgm:sp3d z="152400" extrusionH="63500" prstMaterial="dkEdge">
      <a:bevelT w="120800" h="190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AlignAcc1">
    <dgm:scene3d>
      <a:camera prst="orthographicFront"/>
      <a:lightRig rig="threePt" dir="t">
        <a:rot lat="0" lon="0" rev="7500000"/>
      </a:lightRig>
    </dgm:scene3d>
    <dgm:sp3d extrusionH="190500" prstMaterial="dkEdge">
      <a:bevelT w="120650" h="3810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BgAcc1">
    <dgm:scene3d>
      <a:camera prst="orthographicFront"/>
      <a:lightRig rig="threePt" dir="t">
        <a:rot lat="0" lon="0" rev="7500000"/>
      </a:lightRig>
    </dgm:scene3d>
    <dgm:sp3d z="-152400" extrusionH="63500" prstMaterial="dkEdge">
      <a:bevelT w="144450" h="363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>
        <a:rot lat="0" lon="0" rev="7500000"/>
      </a:lightRig>
    </dgm:scene3d>
    <dgm:sp3d z="152400" extrusionH="63500" prstMaterial="dkEdge">
      <a:bevelT w="125400" h="363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>
        <a:rot lat="0" lon="0" rev="7500000"/>
      </a:lightRig>
    </dgm:scene3d>
    <dgm:sp3d extrusionH="190500" prstMaterial="dkEdge">
      <a:bevelT w="120650" h="38100" prst="relaxedInset"/>
      <a:bevelB w="120650" h="571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FollowNode1">
    <dgm:scene3d>
      <a:camera prst="orthographicFront"/>
      <a:lightRig rig="threePt" dir="t">
        <a:rot lat="0" lon="0" rev="7500000"/>
      </a:lightRig>
    </dgm:scene3d>
    <dgm:sp3d z="-152400" extrusionH="63500" prstMaterial="dkEdge">
      <a:bevelT w="144450" h="363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0">
    <dgm:scene3d>
      <a:camera prst="orthographicFront"/>
      <a:lightRig rig="threePt" dir="t">
        <a:rot lat="0" lon="0" rev="7500000"/>
      </a:lightRig>
    </dgm:scene3d>
    <dgm:sp3d z="152400" extrusionH="63500" prstMaterial="dkEdge">
      <a:bevelT w="125400" h="363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2">
    <dgm:scene3d>
      <a:camera prst="orthographicFront"/>
      <a:lightRig rig="threePt" dir="t">
        <a:rot lat="0" lon="0" rev="7500000"/>
      </a:lightRig>
    </dgm:scene3d>
    <dgm:sp3d z="152400" extrusionH="63500" prstMaterial="dkEdge">
      <a:bevelT w="125400" h="363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3">
    <dgm:scene3d>
      <a:camera prst="orthographicFront"/>
      <a:lightRig rig="threePt" dir="t">
        <a:rot lat="0" lon="0" rev="7500000"/>
      </a:lightRig>
    </dgm:scene3d>
    <dgm:sp3d z="152400" extrusionH="63500" prstMaterial="dkEdge">
      <a:bevelT w="125400" h="363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4">
    <dgm:scene3d>
      <a:camera prst="orthographicFront"/>
      <a:lightRig rig="threePt" dir="t">
        <a:rot lat="0" lon="0" rev="7500000"/>
      </a:lightRig>
    </dgm:scene3d>
    <dgm:sp3d z="152400" extrusionH="63500" prstMaterial="dkEdge">
      <a:bevelT w="125400" h="36350" prst="relaxedInset"/>
      <a:contourClr>
        <a:schemeClr val="bg1"/>
      </a:contourClr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Shp">
    <dgm:scene3d>
      <a:camera prst="orthographicFront"/>
      <a:lightRig rig="threePt" dir="t">
        <a:rot lat="0" lon="0" rev="7500000"/>
      </a:lightRig>
    </dgm:scene3d>
    <dgm:sp3d z="-152400" extrusionH="63500" prstMaterial="matte">
      <a:bevelT w="144450" h="6350" prst="relaxedInset"/>
      <a:contourClr>
        <a:schemeClr val="bg1"/>
      </a:contourClr>
    </dgm:sp3d>
    <dgm:txPr/>
    <dgm:style>
      <a:lnRef idx="0">
        <a:scrgbClr r="0" g="0" b="0"/>
      </a:lnRef>
      <a:fillRef idx="3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>
        <a:rot lat="0" lon="0" rev="7500000"/>
      </a:lightRig>
    </dgm:scene3d>
    <dgm:sp3d prstMaterial="plastic">
      <a:bevelT w="127000" h="25400" prst="relaxedInset"/>
      <a:bevelB w="88900" h="121750" prst="angle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trBgShp">
    <dgm:scene3d>
      <a:camera prst="orthographicFront"/>
      <a:lightRig rig="threePt" dir="t"/>
    </dgm:scene3d>
    <dgm:sp3d z="-152400" prstMaterial="matte"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>
        <a:rot lat="0" lon="0" rev="7500000"/>
      </a:lightRig>
    </dgm:scene3d>
    <dgm:sp3d z="152400" extrusionH="63500" prstMaterial="matte">
      <a:bevelT w="50800" h="19050" prst="relaxedInset"/>
      <a:contourClr>
        <a:schemeClr val="bg1"/>
      </a:contourClr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3d3">
  <dgm:title val=""/>
  <dgm:desc val=""/>
  <dgm:catLst>
    <dgm:cat type="3D" pri="11300"/>
  </dgm:catLst>
  <dgm:scene3d>
    <a:camera prst="orthographicFront"/>
    <a:lightRig rig="threePt" dir="t"/>
  </dgm:scene3d>
  <dgm:styleLbl name="node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l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ven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clear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f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lignImgPlac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182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>
        <a:rot lat="0" lon="0" rev="0"/>
      </a:camera>
      <a:lightRig rig="contrasting" dir="t">
        <a:rot lat="0" lon="0" rev="1200000"/>
      </a:lightRig>
    </dgm:scene3d>
    <dgm:sp3d z="10000"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>
        <a:rot lat="0" lon="0" rev="0"/>
      </a:camera>
      <a:lightRig rig="contrasting" dir="t">
        <a:rot lat="0" lon="0" rev="1200000"/>
      </a:lightRig>
    </dgm:scene3d>
    <dgm:sp3d z="-300000" prstMaterial="plastic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00800" h="1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>
        <a:rot lat="0" lon="0" rev="0"/>
      </a:camera>
      <a:lightRig rig="contrasting" dir="t">
        <a:rot lat="0" lon="0" rev="1200000"/>
      </a:lightRig>
    </dgm:scene3d>
    <dgm:sp3d z="-152400" prstMaterial="matte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6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7.xml><?xml version="1.0" encoding="utf-8"?>
<dgm:styleDef xmlns:dgm="http://schemas.openxmlformats.org/drawingml/2006/diagram" xmlns:a="http://schemas.openxmlformats.org/drawingml/2006/main" uniqueId="urn:microsoft.com/office/officeart/2005/8/quickstyle/3d3">
  <dgm:title val=""/>
  <dgm:desc val=""/>
  <dgm:catLst>
    <dgm:cat type="3D" pri="11300"/>
  </dgm:catLst>
  <dgm:scene3d>
    <a:camera prst="orthographicFront"/>
    <a:lightRig rig="threePt" dir="t"/>
  </dgm:scene3d>
  <dgm:styleLbl name="node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l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ven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clear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f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lignImgPlac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182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>
        <a:rot lat="0" lon="0" rev="0"/>
      </a:camera>
      <a:lightRig rig="contrasting" dir="t">
        <a:rot lat="0" lon="0" rev="1200000"/>
      </a:lightRig>
    </dgm:scene3d>
    <dgm:sp3d z="10000"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>
        <a:rot lat="0" lon="0" rev="0"/>
      </a:camera>
      <a:lightRig rig="contrasting" dir="t">
        <a:rot lat="0" lon="0" rev="1200000"/>
      </a:lightRig>
    </dgm:scene3d>
    <dgm:sp3d z="-300000" prstMaterial="plastic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00800" h="1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>
        <a:rot lat="0" lon="0" rev="0"/>
      </a:camera>
      <a:lightRig rig="contrasting" dir="t">
        <a:rot lat="0" lon="0" rev="1200000"/>
      </a:lightRig>
    </dgm:scene3d>
    <dgm:sp3d z="-152400" prstMaterial="matte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8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9.xml><?xml version="1.0" encoding="utf-8"?>
<dgm:styleDef xmlns:dgm="http://schemas.openxmlformats.org/drawingml/2006/diagram" xmlns:a="http://schemas.openxmlformats.org/drawingml/2006/main" uniqueId="urn:microsoft.com/office/officeart/2005/8/quickstyle/3d3">
  <dgm:title val=""/>
  <dgm:desc val=""/>
  <dgm:catLst>
    <dgm:cat type="3D" pri="11300"/>
  </dgm:catLst>
  <dgm:scene3d>
    <a:camera prst="orthographicFront"/>
    <a:lightRig rig="threePt" dir="t"/>
  </dgm:scene3d>
  <dgm:styleLbl name="node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l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ven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clear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f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lignImgPlac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ImgPlac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182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ibTrans2D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>
        <a:rot lat="0" lon="0" rev="0"/>
      </a:camera>
      <a:lightRig rig="contrasting" dir="t">
        <a:rot lat="0" lon="0" rev="1200000"/>
      </a:lightRig>
    </dgm:scene3d>
    <dgm:sp3d z="10000"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2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3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2D4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parChTrans1D1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>
        <a:rot lat="0" lon="0" rev="0"/>
      </a:camera>
      <a:lightRig rig="contrasting" dir="t">
        <a:rot lat="0" lon="0" rev="1200000"/>
      </a:lightRig>
    </dgm:scene3d>
    <dgm:sp3d z="-110000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2700" prstMaterial="flat">
      <a:bevelT w="177800" h="2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>
        <a:rot lat="0" lon="0" rev="0"/>
      </a:camera>
      <a:lightRig rig="contrasting" dir="t">
        <a:rot lat="0" lon="0" rev="1200000"/>
      </a:lightRig>
    </dgm:scene3d>
    <dgm:sp3d z="-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>
        <a:rot lat="0" lon="0" rev="0"/>
      </a:camera>
      <a:lightRig rig="contrasting" dir="t">
        <a:rot lat="0" lon="0" rev="1200000"/>
      </a:lightRig>
    </dgm:scene3d>
    <dgm:sp3d z="-300000" prstMaterial="plastic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>
        <a:rot lat="0" lon="0" rev="0"/>
      </a:camera>
      <a:lightRig rig="contrasting" dir="t">
        <a:rot lat="0" lon="0" rev="1200000"/>
      </a:lightRig>
    </dgm:scene3d>
    <dgm:sp3d contourW="12700" prstMaterial="flat">
      <a:bevelT w="100800" h="154000"/>
      <a:bevelB w="1524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>
        <a:rot lat="0" lon="0" rev="0"/>
      </a:camera>
      <a:lightRig rig="contrasting" dir="t">
        <a:rot lat="0" lon="0" rev="1200000"/>
      </a:lightRig>
    </dgm:scene3d>
    <dgm:sp3d z="-152400" prstMaterial="matte"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>
        <a:rot lat="0" lon="0" rev="0"/>
      </a:camera>
      <a:lightRig rig="contrasting" dir="t">
        <a:rot lat="0" lon="0" rev="1200000"/>
      </a:lightRig>
    </dgm:scene3d>
    <dgm:sp3d z="300000" contourW="19050" prstMaterial="metal">
      <a:bevelT w="88900" h="203200"/>
      <a:bevelB w="165100" h="254000"/>
    </dgm:sp3d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4752024" y="188913"/>
            <a:ext cx="4141151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200"/>
            </a:lvl1pPr>
          </a:lstStyle>
          <a:p>
            <a:fld id="{F6D8AFBE-B7CA-4D46-A31C-75EC41E50D85}" type="datetimeFigureOut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13/09/2016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4752024" y="6411676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200"/>
            </a:lvl1pPr>
          </a:lstStyle>
          <a:p>
            <a:fld id="{7BFE86A2-DB0B-48E3-B43C-FE4600C96B70}" type="slidenum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‹#›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Header Placeholder 6"/>
          <p:cNvSpPr>
            <a:spLocks noGrp="1"/>
          </p:cNvSpPr>
          <p:nvPr>
            <p:ph type="hdr" sz="quarter"/>
          </p:nvPr>
        </p:nvSpPr>
        <p:spPr>
          <a:xfrm>
            <a:off x="259080" y="190500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2"/>
          </p:nvPr>
        </p:nvSpPr>
        <p:spPr>
          <a:xfrm>
            <a:off x="259080" y="6411675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56714519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250825" y="183675"/>
            <a:ext cx="4141150" cy="246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4752024" y="183674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9BA9ED64-0ADF-46CE-9E4F-53EDBA1EDEC4}" type="datetimeFigureOut">
              <a:rPr lang="en-GB" smtClean="0"/>
              <a:pPr/>
              <a:t>13/09/2016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250825" y="6420090"/>
            <a:ext cx="4141150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4752024" y="6422867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8A478A9A-ADE8-49A2-AF0A-1FE9A88297B5}" type="slidenum">
              <a:rPr lang="en-GB" smtClean="0"/>
              <a:pPr/>
              <a:t>‹#›</a:t>
            </a:fld>
            <a:endParaRPr lang="en-GB"/>
          </a:p>
        </p:txBody>
      </p:sp>
      <p:sp>
        <p:nvSpPr>
          <p:cNvPr id="9" name="Notes Placeholder 8"/>
          <p:cNvSpPr>
            <a:spLocks noGrp="1"/>
          </p:cNvSpPr>
          <p:nvPr>
            <p:ph type="body" sz="quarter" idx="3"/>
          </p:nvPr>
        </p:nvSpPr>
        <p:spPr>
          <a:xfrm>
            <a:off x="4752024" y="548616"/>
            <a:ext cx="4139564" cy="576076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49852" y="548616"/>
            <a:ext cx="4142123" cy="3106592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12233239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2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4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emf"/><Relationship Id="rId2" Type="http://schemas.openxmlformats.org/officeDocument/2006/relationships/image" Target="../media/image3.emf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5.emf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emf"/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ation Title (click to edit)</a:t>
            </a:r>
            <a:endParaRPr lang="en-GB" dirty="0"/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83589834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6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5651373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Content Placeholder 11"/>
          <p:cNvSpPr>
            <a:spLocks noGrp="1"/>
          </p:cNvSpPr>
          <p:nvPr>
            <p:ph sz="quarter" idx="13" hasCustomPrompt="1"/>
          </p:nvPr>
        </p:nvSpPr>
        <p:spPr>
          <a:xfrm>
            <a:off x="431800" y="2168525"/>
            <a:ext cx="8280400" cy="369093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6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80400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6167336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/>
          <p:cNvSpPr>
            <a:spLocks noGrp="1"/>
          </p:cNvSpPr>
          <p:nvPr>
            <p:ph sz="quarter" idx="11" hasCustomPrompt="1"/>
          </p:nvPr>
        </p:nvSpPr>
        <p:spPr>
          <a:xfrm>
            <a:off x="431800" y="1358899"/>
            <a:ext cx="8280400" cy="45005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9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98899208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431802" y="368301"/>
            <a:ext cx="8101012" cy="504095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" name="Content Placeholder 7"/>
          <p:cNvSpPr>
            <a:spLocks noGrp="1"/>
          </p:cNvSpPr>
          <p:nvPr>
            <p:ph sz="quarter" idx="10" hasCustomPrompt="1"/>
          </p:nvPr>
        </p:nvSpPr>
        <p:spPr>
          <a:xfrm>
            <a:off x="431802" y="368299"/>
            <a:ext cx="8280399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1782026940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top 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7"/>
          <p:cNvSpPr>
            <a:spLocks noGrp="1"/>
          </p:cNvSpPr>
          <p:nvPr>
            <p:ph sz="quarter" idx="13" hasCustomPrompt="1"/>
          </p:nvPr>
        </p:nvSpPr>
        <p:spPr>
          <a:xfrm>
            <a:off x="431801" y="368301"/>
            <a:ext cx="8280729" cy="5491162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932036" y="375319"/>
            <a:ext cx="3780165" cy="496805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sz="2000" b="1" dirty="0" smtClean="0">
                <a:latin typeface="Arial" pitchFamily="34" charset="0"/>
                <a:cs typeface="Arial" pitchFamily="34" charset="0"/>
              </a:rPr>
              <a:t>Subtitle (click to edit)</a:t>
            </a:r>
            <a:endParaRPr lang="en-GB" sz="2400" b="1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932363" y="872124"/>
            <a:ext cx="3780167" cy="2558463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0011021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bottom lef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Content Placeholder 7"/>
          <p:cNvSpPr>
            <a:spLocks noGrp="1" noChangeAspect="1"/>
          </p:cNvSpPr>
          <p:nvPr>
            <p:ph sz="quarter" idx="13" hasCustomPrompt="1"/>
          </p:nvPr>
        </p:nvSpPr>
        <p:spPr>
          <a:xfrm>
            <a:off x="431801" y="368300"/>
            <a:ext cx="8280400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31801" y="2935552"/>
            <a:ext cx="3780152" cy="496805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ubtitle (click to edit)</a:t>
            </a:r>
            <a:endParaRPr lang="en-GB" dirty="0"/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2" y="3429001"/>
            <a:ext cx="3780150" cy="2430462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1525626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sz="quarter" idx="12" hasCustomPrompt="1"/>
          </p:nvPr>
        </p:nvSpPr>
        <p:spPr>
          <a:xfrm>
            <a:off x="4751389" y="368609"/>
            <a:ext cx="3960812" cy="549085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7991465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2" y="368300"/>
            <a:ext cx="3960811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11" name="Content Placeholder 2"/>
          <p:cNvSpPr>
            <a:spLocks noGrp="1"/>
          </p:cNvSpPr>
          <p:nvPr>
            <p:ph sz="quarter" idx="13" hasCustomPrompt="1"/>
          </p:nvPr>
        </p:nvSpPr>
        <p:spPr>
          <a:xfrm>
            <a:off x="4751388" y="368300"/>
            <a:ext cx="3960812" cy="54911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1847351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ejct 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1" y="368300"/>
            <a:ext cx="3960812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751389" y="368609"/>
            <a:ext cx="396081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5530964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4" hasCustomPrompt="1"/>
          </p:nvPr>
        </p:nvSpPr>
        <p:spPr>
          <a:xfrm>
            <a:off x="4751389" y="368609"/>
            <a:ext cx="3960814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3739381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4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1988817"/>
            <a:ext cx="8280400" cy="461665"/>
          </a:xfrm>
          <a:prstGeom prst="rect">
            <a:avLst/>
          </a:prstGeom>
        </p:spPr>
        <p:txBody>
          <a:bodyPr>
            <a:spAutoFit/>
          </a:bodyPr>
          <a:lstStyle>
            <a:lvl1pPr marL="0" indent="0">
              <a:buNone/>
              <a:defRPr sz="2400" baseline="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Thank you note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774097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493433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5" y="190500"/>
            <a:ext cx="8642349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6943156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Purp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753BBD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579327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Gre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0B398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077292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Re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587"/>
            <a:ext cx="8642351" cy="6480501"/>
          </a:xfrm>
          <a:prstGeom prst="rect">
            <a:avLst/>
          </a:prstGeom>
          <a:solidFill>
            <a:srgbClr val="AF1685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8149322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Transpar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6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399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420747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31132" y="2170427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79732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9521594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29680" y="13589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300996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2.emf"/><Relationship Id="rId4" Type="http://schemas.openxmlformats.org/officeDocument/2006/relationships/image" Target="../media/image1.emf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5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4.xml"/><Relationship Id="rId1" Type="http://schemas.openxmlformats.org/officeDocument/2006/relationships/slideLayout" Target="../slideLayouts/slideLayout3.xml"/><Relationship Id="rId6" Type="http://schemas.openxmlformats.org/officeDocument/2006/relationships/theme" Target="../theme/theme2.xml"/><Relationship Id="rId5" Type="http://schemas.openxmlformats.org/officeDocument/2006/relationships/slideLayout" Target="../slideLayouts/slideLayout7.xml"/><Relationship Id="rId4" Type="http://schemas.openxmlformats.org/officeDocument/2006/relationships/slideLayout" Target="../slideLayouts/slideLayout6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slideLayout" Target="../slideLayouts/slideLayout20.xml"/><Relationship Id="rId3" Type="http://schemas.openxmlformats.org/officeDocument/2006/relationships/slideLayout" Target="../slideLayouts/slideLayout10.xml"/><Relationship Id="rId7" Type="http://schemas.openxmlformats.org/officeDocument/2006/relationships/slideLayout" Target="../slideLayouts/slideLayout14.xml"/><Relationship Id="rId12" Type="http://schemas.openxmlformats.org/officeDocument/2006/relationships/slideLayout" Target="../slideLayouts/slideLayout19.xml"/><Relationship Id="rId2" Type="http://schemas.openxmlformats.org/officeDocument/2006/relationships/slideLayout" Target="../slideLayouts/slideLayout9.xml"/><Relationship Id="rId1" Type="http://schemas.openxmlformats.org/officeDocument/2006/relationships/slideLayout" Target="../slideLayouts/slideLayout8.xml"/><Relationship Id="rId6" Type="http://schemas.openxmlformats.org/officeDocument/2006/relationships/slideLayout" Target="../slideLayouts/slideLayout13.xml"/><Relationship Id="rId11" Type="http://schemas.openxmlformats.org/officeDocument/2006/relationships/slideLayout" Target="../slideLayouts/slideLayout18.xml"/><Relationship Id="rId5" Type="http://schemas.openxmlformats.org/officeDocument/2006/relationships/slideLayout" Target="../slideLayouts/slideLayout12.xml"/><Relationship Id="rId15" Type="http://schemas.openxmlformats.org/officeDocument/2006/relationships/image" Target="../media/image7.emf"/><Relationship Id="rId10" Type="http://schemas.openxmlformats.org/officeDocument/2006/relationships/slideLayout" Target="../slideLayouts/slideLayout17.xml"/><Relationship Id="rId4" Type="http://schemas.openxmlformats.org/officeDocument/2006/relationships/slideLayout" Target="../slideLayouts/slideLayout11.xml"/><Relationship Id="rId9" Type="http://schemas.openxmlformats.org/officeDocument/2006/relationships/slideLayout" Target="../slideLayouts/slideLayout16.xml"/><Relationship Id="rId14" Type="http://schemas.openxmlformats.org/officeDocument/2006/relationships/theme" Target="../theme/theme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4203" y="5409700"/>
            <a:ext cx="1909853" cy="108000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79946" y="6229061"/>
            <a:ext cx="3704684" cy="2546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530888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20" r:id="rId1"/>
    <p:sldLayoutId id="2147483680" r:id="rId2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801" y="5949700"/>
            <a:ext cx="957659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705618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5" r:id="rId1"/>
    <p:sldLayoutId id="2147483686" r:id="rId2"/>
    <p:sldLayoutId id="2147483687" r:id="rId3"/>
    <p:sldLayoutId id="2147483688" r:id="rId4"/>
    <p:sldLayoutId id="2147483714" r:id="rId5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 userDrawn="1"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556" y="5945640"/>
            <a:ext cx="957330" cy="540000"/>
          </a:xfrm>
          <a:prstGeom prst="rect">
            <a:avLst/>
          </a:prstGeom>
        </p:spPr>
      </p:pic>
      <p:sp>
        <p:nvSpPr>
          <p:cNvPr id="5" name="TextBox 4"/>
          <p:cNvSpPr txBox="1"/>
          <p:nvPr userDrawn="1"/>
        </p:nvSpPr>
        <p:spPr>
          <a:xfrm>
            <a:off x="4932046" y="6453644"/>
            <a:ext cx="3962717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fld id="{268E1414-5F24-4E3F-ACA1-76792B015177}" type="slidenum">
              <a:rPr lang="en-GB" sz="800" smtClean="0">
                <a:latin typeface="+mn-lt"/>
              </a:rPr>
              <a:pPr algn="r"/>
              <a:t>‹#›</a:t>
            </a:fld>
            <a:endParaRPr lang="en-GB" sz="800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249009669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9" r:id="rId1"/>
    <p:sldLayoutId id="2147483691" r:id="rId2"/>
    <p:sldLayoutId id="2147483693" r:id="rId3"/>
    <p:sldLayoutId id="2147483690" r:id="rId4"/>
    <p:sldLayoutId id="2147483692" r:id="rId5"/>
    <p:sldLayoutId id="2147483694" r:id="rId6"/>
    <p:sldLayoutId id="2147483697" r:id="rId7"/>
    <p:sldLayoutId id="2147483698" r:id="rId8"/>
    <p:sldLayoutId id="2147483699" r:id="rId9"/>
    <p:sldLayoutId id="2147483700" r:id="rId10"/>
    <p:sldLayoutId id="2147483701" r:id="rId11"/>
    <p:sldLayoutId id="2147483703" r:id="rId12"/>
    <p:sldLayoutId id="2147483710" r:id="rId13"/>
  </p:sldLayoutIdLst>
  <p:timing>
    <p:tnLst>
      <p:par>
        <p:cTn id="1" dur="indefinite" restart="never" nodeType="tmRoot"/>
      </p:par>
    </p:tnLst>
  </p:timing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8.xml"/><Relationship Id="rId2" Type="http://schemas.openxmlformats.org/officeDocument/2006/relationships/diagramData" Target="../diagrams/data8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8.xml"/><Relationship Id="rId5" Type="http://schemas.openxmlformats.org/officeDocument/2006/relationships/diagramColors" Target="../diagrams/colors8.xml"/><Relationship Id="rId4" Type="http://schemas.openxmlformats.org/officeDocument/2006/relationships/diagramQuickStyle" Target="../diagrams/quickStyle8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9.xml"/><Relationship Id="rId2" Type="http://schemas.openxmlformats.org/officeDocument/2006/relationships/diagramData" Target="../diagrams/data9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9.xml"/><Relationship Id="rId5" Type="http://schemas.openxmlformats.org/officeDocument/2006/relationships/diagramColors" Target="../diagrams/colors9.xml"/><Relationship Id="rId4" Type="http://schemas.openxmlformats.org/officeDocument/2006/relationships/diagramQuickStyle" Target="../diagrams/quickStyle9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0.xml"/><Relationship Id="rId2" Type="http://schemas.openxmlformats.org/officeDocument/2006/relationships/diagramData" Target="../diagrams/data10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10.xml"/><Relationship Id="rId5" Type="http://schemas.openxmlformats.org/officeDocument/2006/relationships/diagramColors" Target="../diagrams/colors10.xml"/><Relationship Id="rId4" Type="http://schemas.openxmlformats.org/officeDocument/2006/relationships/diagramQuickStyle" Target="../diagrams/quickStyle10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hyperlink" Target="http://www.therightinformation.org/temp-use-highereducation/" TargetMode="External"/><Relationship Id="rId2" Type="http://schemas.openxmlformats.org/officeDocument/2006/relationships/hyperlink" Target="http://www.ala.org/acrl/standards/informationliteracycompetency" TargetMode="External"/><Relationship Id="rId1" Type="http://schemas.openxmlformats.org/officeDocument/2006/relationships/slideLayout" Target="../slideLayouts/slideLayout8.xml"/><Relationship Id="rId4" Type="http://schemas.openxmlformats.org/officeDocument/2006/relationships/hyperlink" Target="http://www.vitae.ac.uk/researchers/428241/Researcher-Development-Framework.html" TargetMode="Externa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" TargetMode="Externa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4" Type="http://schemas.openxmlformats.org/officeDocument/2006/relationships/hyperlink" Target="mailto:m.kelt@gcu.ac.uk" TargetMode="Externa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2" Type="http://schemas.openxmlformats.org/officeDocument/2006/relationships/diagramData" Target="../diagrams/data1.xml"/><Relationship Id="rId1" Type="http://schemas.openxmlformats.org/officeDocument/2006/relationships/slideLayout" Target="../slideLayouts/slideLayout13.xml"/><Relationship Id="rId6" Type="http://schemas.microsoft.com/office/2007/relationships/diagramDrawing" Target="../diagrams/drawing1.xml"/><Relationship Id="rId5" Type="http://schemas.openxmlformats.org/officeDocument/2006/relationships/diagramColors" Target="../diagrams/colors1.xml"/><Relationship Id="rId4" Type="http://schemas.openxmlformats.org/officeDocument/2006/relationships/diagramQuickStyle" Target="../diagrams/quickStyle1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2.xml"/><Relationship Id="rId2" Type="http://schemas.openxmlformats.org/officeDocument/2006/relationships/diagramData" Target="../diagrams/data2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2.xml"/><Relationship Id="rId5" Type="http://schemas.openxmlformats.org/officeDocument/2006/relationships/diagramColors" Target="../diagrams/colors2.xml"/><Relationship Id="rId4" Type="http://schemas.openxmlformats.org/officeDocument/2006/relationships/diagramQuickStyle" Target="../diagrams/quickStyle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3.xml"/><Relationship Id="rId2" Type="http://schemas.openxmlformats.org/officeDocument/2006/relationships/diagramData" Target="../diagrams/data3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3.xml"/><Relationship Id="rId5" Type="http://schemas.openxmlformats.org/officeDocument/2006/relationships/diagramColors" Target="../diagrams/colors3.xml"/><Relationship Id="rId4" Type="http://schemas.openxmlformats.org/officeDocument/2006/relationships/diagramQuickStyle" Target="../diagrams/quickStyle3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4.xml"/><Relationship Id="rId2" Type="http://schemas.openxmlformats.org/officeDocument/2006/relationships/diagramData" Target="../diagrams/data4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4.xml"/><Relationship Id="rId5" Type="http://schemas.openxmlformats.org/officeDocument/2006/relationships/diagramColors" Target="../diagrams/colors4.xml"/><Relationship Id="rId4" Type="http://schemas.openxmlformats.org/officeDocument/2006/relationships/diagramQuickStyle" Target="../diagrams/quickStyle4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5.xml"/><Relationship Id="rId2" Type="http://schemas.openxmlformats.org/officeDocument/2006/relationships/diagramData" Target="../diagrams/data5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5.xml"/><Relationship Id="rId5" Type="http://schemas.openxmlformats.org/officeDocument/2006/relationships/diagramColors" Target="../diagrams/colors5.xml"/><Relationship Id="rId4" Type="http://schemas.openxmlformats.org/officeDocument/2006/relationships/diagramQuickStyle" Target="../diagrams/quickStyle5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6.xml"/><Relationship Id="rId2" Type="http://schemas.openxmlformats.org/officeDocument/2006/relationships/diagramData" Target="../diagrams/data6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6.xml"/><Relationship Id="rId5" Type="http://schemas.openxmlformats.org/officeDocument/2006/relationships/diagramColors" Target="../diagrams/colors6.xml"/><Relationship Id="rId4" Type="http://schemas.openxmlformats.org/officeDocument/2006/relationships/diagramQuickStyle" Target="../diagrams/quickStyle6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7.xml"/><Relationship Id="rId2" Type="http://schemas.openxmlformats.org/officeDocument/2006/relationships/diagramData" Target="../diagrams/data7.xml"/><Relationship Id="rId1" Type="http://schemas.openxmlformats.org/officeDocument/2006/relationships/slideLayout" Target="../slideLayouts/slideLayout9.xml"/><Relationship Id="rId6" Type="http://schemas.microsoft.com/office/2007/relationships/diagramDrawing" Target="../diagrams/drawing7.xml"/><Relationship Id="rId5" Type="http://schemas.openxmlformats.org/officeDocument/2006/relationships/diagramColors" Target="../diagrams/colors7.xml"/><Relationship Id="rId4" Type="http://schemas.openxmlformats.org/officeDocument/2006/relationships/diagramQuickStyle" Target="../diagrams/quickStyle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471" y="1088688"/>
            <a:ext cx="5760746" cy="1569660"/>
          </a:xfrm>
        </p:spPr>
        <p:txBody>
          <a:bodyPr/>
          <a:lstStyle/>
          <a:p>
            <a:r>
              <a:rPr lang="en-GB" sz="3200" b="0" dirty="0" smtClean="0"/>
              <a:t>Marion </a:t>
            </a:r>
            <a:r>
              <a:rPr lang="en-GB" sz="3200" b="0" dirty="0" smtClean="0"/>
              <a:t>Kelt</a:t>
            </a:r>
            <a:br>
              <a:rPr lang="en-GB" sz="3200" b="0" dirty="0" smtClean="0"/>
            </a:br>
            <a:r>
              <a:rPr lang="en-GB" sz="3200" b="0" dirty="0" smtClean="0"/>
              <a:t>Research and Open Access Librarian</a:t>
            </a:r>
            <a:endParaRPr lang="en-GB" sz="3200" b="0" dirty="0" smtClean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31412" y="2888928"/>
            <a:ext cx="8191128" cy="2825389"/>
          </a:xfrm>
        </p:spPr>
        <p:txBody>
          <a:bodyPr/>
          <a:lstStyle/>
          <a:p>
            <a:endParaRPr lang="en-GB" sz="3200" dirty="0" smtClean="0"/>
          </a:p>
          <a:p>
            <a:r>
              <a:rPr lang="en-GB" sz="3200" dirty="0" smtClean="0"/>
              <a:t>Parallel </a:t>
            </a:r>
            <a:r>
              <a:rPr lang="en-GB" sz="3200" dirty="0"/>
              <a:t>lines: a look at some common issues in the development, repurposing and use of online </a:t>
            </a:r>
            <a:r>
              <a:rPr lang="en-GB" sz="3200" dirty="0" smtClean="0"/>
              <a:t>IL </a:t>
            </a:r>
            <a:r>
              <a:rPr lang="en-GB" sz="3200" dirty="0"/>
              <a:t>training resources.</a:t>
            </a:r>
          </a:p>
          <a:p>
            <a:endParaRPr lang="en-GB" sz="3600" dirty="0" smtClean="0"/>
          </a:p>
        </p:txBody>
      </p:sp>
    </p:spTree>
    <p:extLst>
      <p:ext uri="{BB962C8B-B14F-4D97-AF65-F5344CB8AC3E}">
        <p14:creationId xmlns:p14="http://schemas.microsoft.com/office/powerpoint/2010/main" val="33415354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pPr lvl="0"/>
            <a:r>
              <a:rPr lang="en-GB" dirty="0"/>
              <a:t>Testing and </a:t>
            </a:r>
            <a:r>
              <a:rPr lang="en-GB" dirty="0" smtClean="0"/>
              <a:t>piloting</a:t>
            </a:r>
            <a:endParaRPr lang="en-GB" dirty="0"/>
          </a:p>
        </p:txBody>
      </p:sp>
      <p:graphicFrame>
        <p:nvGraphicFramePr>
          <p:cNvPr id="5" name="Diagram 4"/>
          <p:cNvGraphicFramePr/>
          <p:nvPr>
            <p:extLst>
              <p:ext uri="{D42A27DB-BD31-4B8C-83A1-F6EECF244321}">
                <p14:modId xmlns:p14="http://schemas.microsoft.com/office/powerpoint/2010/main" val="3912194805"/>
              </p:ext>
            </p:extLst>
          </p:nvPr>
        </p:nvGraphicFramePr>
        <p:xfrm>
          <a:off x="429680" y="829966"/>
          <a:ext cx="8280400" cy="520938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1895196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75F2836F-5803-409F-AA35-40275D81F7BE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>
                                            <p:graphicEl>
                                              <a:dgm id="{75F2836F-5803-409F-AA35-40275D81F7BE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36490AEF-CC71-4725-931B-89A5DFD3D85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>
                                            <p:graphicEl>
                                              <a:dgm id="{36490AEF-CC71-4725-931B-89A5DFD3D85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03CA3B71-1743-42A9-B251-FA1B609AE65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>
                                            <p:graphicEl>
                                              <a:dgm id="{03CA3B71-1743-42A9-B251-FA1B609AE65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DAA701F8-05A7-47AC-97A4-7C10AA2A562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>
                                            <p:graphicEl>
                                              <a:dgm id="{DAA701F8-05A7-47AC-97A4-7C10AA2A562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81BCB115-B137-4744-9287-60F0DCFA05BE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">
                                            <p:graphicEl>
                                              <a:dgm id="{81BCB115-B137-4744-9287-60F0DCFA05BE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5D3F5C7B-A4DB-4425-BB4F-C10FB773CD8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">
                                            <p:graphicEl>
                                              <a:dgm id="{5D3F5C7B-A4DB-4425-BB4F-C10FB773CD8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CAACB2D2-EE65-4E49-BC7B-F4AEE505C9E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">
                                            <p:graphicEl>
                                              <a:dgm id="{CAACB2D2-EE65-4E49-BC7B-F4AEE505C9E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11D3D167-396E-4410-BA8E-C1E22DA7AE4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5">
                                            <p:graphicEl>
                                              <a:dgm id="{11D3D167-396E-4410-BA8E-C1E22DA7AE4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9EA3BA43-0E51-4824-B35A-EDA624141323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5">
                                            <p:graphicEl>
                                              <a:dgm id="{9EA3BA43-0E51-4824-B35A-EDA624141323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FB181DD8-2187-4B4D-9EA2-7283D894F76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5">
                                            <p:graphicEl>
                                              <a:dgm id="{FB181DD8-2187-4B4D-9EA2-7283D894F76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76E94E1D-73FD-4D47-9522-044383E86E6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5">
                                            <p:graphicEl>
                                              <a:dgm id="{76E94E1D-73FD-4D47-9522-044383E86E6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055F1316-9C42-4AAD-BE5B-418619C75AC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5">
                                            <p:graphicEl>
                                              <a:dgm id="{055F1316-9C42-4AAD-BE5B-418619C75AC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16298060-84B0-4637-A7A7-7A876A777B2A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5">
                                            <p:graphicEl>
                                              <a:dgm id="{16298060-84B0-4637-A7A7-7A876A777B2A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1AE15098-41D9-498B-9979-4CE01FF6931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5">
                                            <p:graphicEl>
                                              <a:dgm id="{1AE15098-41D9-498B-9979-4CE01FF6931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5" grpId="0">
        <p:bldSub>
          <a:bldDgm bld="one"/>
        </p:bldSub>
      </p:bldGraphic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540363"/>
          </a:xfrm>
        </p:spPr>
        <p:txBody>
          <a:bodyPr/>
          <a:lstStyle/>
          <a:p>
            <a:pPr lvl="0"/>
            <a:r>
              <a:rPr lang="en-GB" dirty="0" smtClean="0"/>
              <a:t>Teaching</a:t>
            </a:r>
            <a:endParaRPr lang="en-GB" dirty="0"/>
          </a:p>
          <a:p>
            <a:endParaRPr lang="en-GB" dirty="0"/>
          </a:p>
        </p:txBody>
      </p:sp>
      <p:graphicFrame>
        <p:nvGraphicFramePr>
          <p:cNvPr id="7" name="Diagram 6"/>
          <p:cNvGraphicFramePr/>
          <p:nvPr>
            <p:extLst>
              <p:ext uri="{D42A27DB-BD31-4B8C-83A1-F6EECF244321}">
                <p14:modId xmlns:p14="http://schemas.microsoft.com/office/powerpoint/2010/main" val="852937998"/>
              </p:ext>
            </p:extLst>
          </p:nvPr>
        </p:nvGraphicFramePr>
        <p:xfrm>
          <a:off x="429680" y="1358900"/>
          <a:ext cx="8280400" cy="4500424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4591261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953D1CC7-F0ED-4BFE-A7D4-BABF5110B4F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graphicEl>
                                              <a:dgm id="{953D1CC7-F0ED-4BFE-A7D4-BABF5110B4F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D6A9438A-0C4A-4548-BC2C-54FFBE5E222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graphicEl>
                                              <a:dgm id="{D6A9438A-0C4A-4548-BC2C-54FFBE5E222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08225DFA-F3E0-4971-8A09-E73E8C6A3FCA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graphicEl>
                                              <a:dgm id="{08225DFA-F3E0-4971-8A09-E73E8C6A3FCA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8C4A6D9F-2B19-4B2D-BFE7-B02B478F0F9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graphicEl>
                                              <a:dgm id="{8C4A6D9F-2B19-4B2D-BFE7-B02B478F0F9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24DC60B5-5915-4782-BD57-4ACD5BECFFB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>
                                            <p:graphicEl>
                                              <a:dgm id="{24DC60B5-5915-4782-BD57-4ACD5BECFFB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7" grpId="0">
        <p:bldSub>
          <a:bldDgm bld="lvlOne"/>
        </p:bldSub>
      </p:bldGraphic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pPr lvl="0"/>
            <a:r>
              <a:rPr lang="en-GB" dirty="0" smtClean="0"/>
              <a:t>Futureproofing</a:t>
            </a:r>
            <a:endParaRPr lang="en-GB" dirty="0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2329132709"/>
              </p:ext>
            </p:extLst>
          </p:nvPr>
        </p:nvGraphicFramePr>
        <p:xfrm>
          <a:off x="377417" y="829966"/>
          <a:ext cx="8731164" cy="5749454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34485781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89B190F-7E71-4FF6-B07A-2DF12ABD2B4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B89B190F-7E71-4FF6-B07A-2DF12ABD2B4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2187CAC3-F1C8-4282-80E7-927355252747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">
                                            <p:graphicEl>
                                              <a:dgm id="{2187CAC3-F1C8-4282-80E7-927355252747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FA565DBF-CA82-4C98-88B8-4709DD35B373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4">
                                            <p:graphicEl>
                                              <a:dgm id="{FA565DBF-CA82-4C98-88B8-4709DD35B373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9AC43730-3AAB-4A78-A27F-249830460E5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4">
                                            <p:graphicEl>
                                              <a:dgm id="{9AC43730-3AAB-4A78-A27F-249830460E5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D5834EC2-FEE1-45EC-9948-3D141635CA5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4">
                                            <p:graphicEl>
                                              <a:dgm id="{D5834EC2-FEE1-45EC-9948-3D141635CA5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D00077E4-31A6-4E0B-8C43-EB395BAC19E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4">
                                            <p:graphicEl>
                                              <a:dgm id="{D00077E4-31A6-4E0B-8C43-EB395BAC19E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C8BCF31E-824E-4349-BF58-5634ACF0F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4">
                                            <p:graphicEl>
                                              <a:dgm id="{C8BCF31E-824E-4349-BF58-5634ACF0F811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86EA89B8-AC15-4D87-BCFF-9F765D477194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4">
                                            <p:graphicEl>
                                              <a:dgm id="{86EA89B8-AC15-4D87-BCFF-9F765D477194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827EA803-D04C-4A1B-86A0-0884678A1DB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4">
                                            <p:graphicEl>
                                              <a:dgm id="{827EA803-D04C-4A1B-86A0-0884678A1DB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553998"/>
          </a:xfrm>
        </p:spPr>
        <p:txBody>
          <a:bodyPr/>
          <a:lstStyle/>
          <a:p>
            <a:r>
              <a:rPr lang="en-GB" sz="3000" dirty="0" smtClean="0"/>
              <a:t>Key texts from mini-review</a:t>
            </a:r>
            <a:endParaRPr lang="en-GB" sz="3000" dirty="0"/>
          </a:p>
        </p:txBody>
      </p:sp>
      <p:sp>
        <p:nvSpPr>
          <p:cNvPr id="3" name="Rectangle 2"/>
          <p:cNvSpPr/>
          <p:nvPr/>
        </p:nvSpPr>
        <p:spPr>
          <a:xfrm>
            <a:off x="971520" y="1268712"/>
            <a:ext cx="7651020" cy="504753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1400" dirty="0"/>
              <a:t>ACRL. Information Literacy Competency Standards for Higher Education. (2000). &lt;</a:t>
            </a:r>
            <a:r>
              <a:rPr lang="en-GB" sz="1400" dirty="0">
                <a:hlinkClick r:id="rId2"/>
              </a:rPr>
              <a:t>http://www.ala.org/acrl/standards/informationliteracycompetency</a:t>
            </a:r>
            <a:r>
              <a:rPr lang="en-GB" sz="1400" dirty="0"/>
              <a:t>&gt; Accessed 18.09.15. </a:t>
            </a:r>
            <a:r>
              <a:rPr lang="en-GB" sz="1400" dirty="0" smtClean="0"/>
              <a:t/>
            </a:r>
            <a:br>
              <a:rPr lang="en-GB" sz="1400" dirty="0" smtClean="0"/>
            </a:br>
            <a:endParaRPr lang="en-GB" sz="1400" dirty="0"/>
          </a:p>
          <a:p>
            <a:r>
              <a:rPr lang="en-GB" sz="1400" dirty="0"/>
              <a:t>Crawford, J. &amp; Irving, C. National Information Literacy Framework Scotland blog. Framework levels. (2013). &lt;</a:t>
            </a:r>
            <a:r>
              <a:rPr lang="en-GB" sz="1400" dirty="0">
                <a:hlinkClick r:id="rId3"/>
              </a:rPr>
              <a:t>http://www.therightinformation.org/temp-use-highereducation/</a:t>
            </a:r>
            <a:r>
              <a:rPr lang="en-GB" sz="1400" dirty="0"/>
              <a:t>&gt; Accessed 03.09.15.</a:t>
            </a:r>
          </a:p>
          <a:p>
            <a:r>
              <a:rPr lang="en-GB" sz="1400" dirty="0" smtClean="0"/>
              <a:t/>
            </a:r>
            <a:br>
              <a:rPr lang="en-GB" sz="1400" dirty="0" smtClean="0"/>
            </a:br>
            <a:r>
              <a:rPr lang="en-GB" sz="1400" dirty="0" smtClean="0"/>
              <a:t>Crawford</a:t>
            </a:r>
            <a:r>
              <a:rPr lang="en-GB" sz="1400" dirty="0"/>
              <a:t>, N. &amp; </a:t>
            </a:r>
            <a:r>
              <a:rPr lang="en-GB" sz="1400" dirty="0" err="1"/>
              <a:t>Broertjes</a:t>
            </a:r>
            <a:r>
              <a:rPr lang="en-GB" sz="1400" dirty="0"/>
              <a:t>, A., (2010). Evaluation of a university online Information Literacy unit. Australian Library Journal 59(4), 187-196.</a:t>
            </a:r>
          </a:p>
          <a:p>
            <a:r>
              <a:rPr lang="en-GB" sz="1400" dirty="0" smtClean="0"/>
              <a:t/>
            </a:r>
            <a:br>
              <a:rPr lang="en-GB" sz="1400" dirty="0" smtClean="0"/>
            </a:br>
            <a:r>
              <a:rPr lang="en-GB" sz="1400" dirty="0" smtClean="0"/>
              <a:t>Stubbings</a:t>
            </a:r>
            <a:r>
              <a:rPr lang="en-GB" sz="1400" dirty="0"/>
              <a:t>, R. &amp; Franklin, G., (2004). A critical analysis of the INFORMS project at Loughborough University. </a:t>
            </a:r>
            <a:r>
              <a:rPr lang="en-GB" sz="1400" dirty="0" err="1"/>
              <a:t>JeLit</a:t>
            </a:r>
            <a:r>
              <a:rPr lang="en-GB" sz="1400" dirty="0"/>
              <a:t> 1(1), 31-41.</a:t>
            </a:r>
          </a:p>
          <a:p>
            <a:endParaRPr lang="en-GB" sz="1400" dirty="0"/>
          </a:p>
          <a:p>
            <a:r>
              <a:rPr lang="en-GB" sz="1400" dirty="0"/>
              <a:t>Thomas, J. &amp; Gosling, C., (2009). An evaluation of the use of "Guides at the side" Web-based Learning activities to equip students in health sciences and nursing with information literacy skills. New Review of Academic Librarianship 15(2), 173-186.</a:t>
            </a:r>
          </a:p>
          <a:p>
            <a:endParaRPr lang="en-GB" sz="1400" dirty="0"/>
          </a:p>
          <a:p>
            <a:r>
              <a:rPr lang="en-GB" sz="1400" dirty="0"/>
              <a:t>Vitae. Vitae Researcher Development Framework. (2011).  &lt;</a:t>
            </a:r>
            <a:r>
              <a:rPr lang="en-GB" sz="1400" dirty="0">
                <a:hlinkClick r:id="rId4"/>
              </a:rPr>
              <a:t>http://www.vitae.ac.uk/researchers/428241/Researcher-Development-Framework.html</a:t>
            </a:r>
            <a:r>
              <a:rPr lang="en-GB" sz="1400" dirty="0"/>
              <a:t>&gt; Accessed 11.03.13.</a:t>
            </a:r>
          </a:p>
          <a:p>
            <a:endParaRPr lang="en-GB" sz="1400" dirty="0"/>
          </a:p>
          <a:p>
            <a:r>
              <a:rPr lang="en-GB" sz="1400" dirty="0"/>
              <a:t>Yang, S., (2009). Information literacy online tutorials: an introduction to rational and technological tools in tutorial creation. The Electronic Library 27(4), 684-693.</a:t>
            </a:r>
          </a:p>
        </p:txBody>
      </p:sp>
    </p:spTree>
    <p:extLst>
      <p:ext uri="{BB962C8B-B14F-4D97-AF65-F5344CB8AC3E}">
        <p14:creationId xmlns:p14="http://schemas.microsoft.com/office/powerpoint/2010/main" val="11916671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31800" y="548616"/>
            <a:ext cx="8280400" cy="769441"/>
          </a:xfrm>
        </p:spPr>
        <p:txBody>
          <a:bodyPr/>
          <a:lstStyle/>
          <a:p>
            <a:r>
              <a:rPr lang="en-GB" sz="4400" dirty="0" smtClean="0"/>
              <a:t>Thank you</a:t>
            </a:r>
            <a:endParaRPr lang="en-GB" sz="4400" dirty="0"/>
          </a:p>
        </p:txBody>
      </p:sp>
      <p:sp>
        <p:nvSpPr>
          <p:cNvPr id="7" name="Text Placeholder 5"/>
          <p:cNvSpPr txBox="1">
            <a:spLocks/>
          </p:cNvSpPr>
          <p:nvPr/>
        </p:nvSpPr>
        <p:spPr>
          <a:xfrm>
            <a:off x="611472" y="2978940"/>
            <a:ext cx="8280400" cy="2234458"/>
          </a:xfrm>
          <a:prstGeom prst="rect">
            <a:avLst/>
          </a:prstGeom>
        </p:spPr>
        <p:txBody>
          <a:bodyPr>
            <a:spAutoFit/>
          </a:bodyPr>
          <a:lstStyle>
            <a:lvl1pPr marL="0" indent="0" algn="l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400" kern="1200" baseline="0">
                <a:solidFill>
                  <a:schemeClr val="tx1"/>
                </a:solidFill>
                <a:latin typeface="Arial" panose="020B0604020202020204" pitchFamily="34" charset="0"/>
                <a:ea typeface="+mn-ea"/>
                <a:cs typeface="Arial" panose="020B0604020202020204" pitchFamily="34" charset="0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 smtClean="0"/>
              <a:t>Contact details and links:</a:t>
            </a:r>
          </a:p>
          <a:p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Slides on edShare@GCU </a:t>
            </a:r>
            <a:r>
              <a:rPr lang="en-GB" dirty="0" smtClean="0">
                <a:hlinkClick r:id="rId3"/>
              </a:rPr>
              <a:t>https://edshare.gcu.ac.uk</a:t>
            </a:r>
            <a:endParaRPr lang="en-GB" dirty="0" smtClean="0"/>
          </a:p>
          <a:p>
            <a:endParaRPr lang="en-GB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Email: </a:t>
            </a:r>
            <a:r>
              <a:rPr lang="en-GB" dirty="0" smtClean="0">
                <a:hlinkClick r:id="rId4"/>
              </a:rPr>
              <a:t>m.kelt@gcu.ac.uk</a:t>
            </a:r>
            <a:r>
              <a:rPr lang="en-GB" dirty="0" smtClean="0"/>
              <a:t> 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274928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588331" y="548633"/>
            <a:ext cx="7920868" cy="553998"/>
          </a:xfrm>
        </p:spPr>
        <p:txBody>
          <a:bodyPr/>
          <a:lstStyle/>
          <a:p>
            <a:r>
              <a:rPr lang="en-GB" sz="3000" dirty="0" smtClean="0"/>
              <a:t>Presentation Summary</a:t>
            </a:r>
            <a:endParaRPr lang="en-GB" sz="30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588331" y="2798915"/>
            <a:ext cx="4523741" cy="3634181"/>
          </a:xfrm>
        </p:spPr>
        <p:txBody>
          <a:bodyPr/>
          <a:lstStyle/>
          <a:p>
            <a:r>
              <a:rPr lang="en-CA" sz="2400" dirty="0"/>
              <a:t>This presentation is based on a chapter from </a:t>
            </a:r>
            <a:endParaRPr lang="en-CA" sz="2400" dirty="0" smtClean="0"/>
          </a:p>
          <a:p>
            <a:r>
              <a:rPr lang="en-CA" sz="2400" dirty="0" smtClean="0"/>
              <a:t>Distributed </a:t>
            </a:r>
            <a:r>
              <a:rPr lang="en-CA" sz="2400" dirty="0"/>
              <a:t>Learning: </a:t>
            </a:r>
            <a:r>
              <a:rPr lang="en-CA" sz="2400" dirty="0" smtClean="0"/>
              <a:t>Pedagogy and Technology in Online Information </a:t>
            </a:r>
            <a:r>
              <a:rPr lang="en-CA" sz="2400" dirty="0"/>
              <a:t>Literacy </a:t>
            </a:r>
            <a:r>
              <a:rPr lang="en-CA" sz="2400" dirty="0" smtClean="0"/>
              <a:t>Instruction</a:t>
            </a:r>
            <a:r>
              <a:rPr lang="en-GB" sz="2400" dirty="0" smtClean="0"/>
              <a:t> </a:t>
            </a:r>
            <a:r>
              <a:rPr lang="en-GB" sz="2400" dirty="0"/>
              <a:t>edited by </a:t>
            </a:r>
            <a:r>
              <a:rPr lang="en-CA" sz="2400" dirty="0"/>
              <a:t>Tasha Maddison </a:t>
            </a:r>
            <a:r>
              <a:rPr lang="en-CA" sz="2400" dirty="0" smtClean="0"/>
              <a:t>and Maha </a:t>
            </a:r>
            <a:r>
              <a:rPr lang="en-CA" sz="2400" dirty="0" err="1" smtClean="0"/>
              <a:t>Kumaran</a:t>
            </a:r>
            <a:r>
              <a:rPr lang="en-GB" sz="2400" dirty="0" smtClean="0"/>
              <a:t>, </a:t>
            </a:r>
            <a:r>
              <a:rPr lang="en-GB" sz="2400" dirty="0" err="1" smtClean="0"/>
              <a:t>Chandos</a:t>
            </a:r>
            <a:r>
              <a:rPr lang="en-GB" sz="2400" dirty="0" smtClean="0"/>
              <a:t>, </a:t>
            </a:r>
            <a:r>
              <a:rPr lang="en-GB" sz="2400" dirty="0"/>
              <a:t>2016</a:t>
            </a:r>
            <a:endParaRPr lang="en-GB" sz="2400" dirty="0" smtClean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82108" y="1538748"/>
            <a:ext cx="3218965" cy="4760056"/>
          </a:xfrm>
          <a:prstGeom prst="rect">
            <a:avLst/>
          </a:prstGeom>
        </p:spPr>
      </p:pic>
      <p:sp>
        <p:nvSpPr>
          <p:cNvPr id="5" name="5-Point Star 4"/>
          <p:cNvSpPr/>
          <p:nvPr/>
        </p:nvSpPr>
        <p:spPr>
          <a:xfrm>
            <a:off x="588331" y="1285641"/>
            <a:ext cx="914400" cy="914400"/>
          </a:xfrm>
          <a:prstGeom prst="star5">
            <a:avLst/>
          </a:prstGeom>
          <a:solidFill>
            <a:srgbClr val="FFC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FF0000"/>
              </a:solidFill>
            </a:endParaRPr>
          </a:p>
        </p:txBody>
      </p:sp>
      <p:sp>
        <p:nvSpPr>
          <p:cNvPr id="7" name="TextBox 6"/>
          <p:cNvSpPr txBox="1"/>
          <p:nvPr/>
        </p:nvSpPr>
        <p:spPr>
          <a:xfrm>
            <a:off x="1657192" y="1538748"/>
            <a:ext cx="315042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dirty="0" smtClean="0">
                <a:solidFill>
                  <a:srgbClr val="97D700"/>
                </a:solidFill>
              </a:rPr>
              <a:t>October 15</a:t>
            </a:r>
            <a:r>
              <a:rPr lang="en-GB" sz="2800" baseline="30000" dirty="0" smtClean="0">
                <a:solidFill>
                  <a:srgbClr val="97D700"/>
                </a:solidFill>
              </a:rPr>
              <a:t>th</a:t>
            </a:r>
            <a:r>
              <a:rPr lang="en-GB" sz="2800" dirty="0" smtClean="0">
                <a:solidFill>
                  <a:srgbClr val="97D700"/>
                </a:solidFill>
              </a:rPr>
              <a:t>!</a:t>
            </a:r>
            <a:endParaRPr lang="en-GB" sz="2800" dirty="0">
              <a:solidFill>
                <a:srgbClr val="97D7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440849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5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0" dur="5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Content Placeholder 4"/>
          <p:cNvSpPr>
            <a:spLocks noGrp="1"/>
          </p:cNvSpPr>
          <p:nvPr>
            <p:ph sz="quarter" idx="10"/>
          </p:nvPr>
        </p:nvSpPr>
        <p:spPr/>
        <p:txBody>
          <a:bodyPr/>
          <a:lstStyle/>
          <a:p>
            <a:endParaRPr lang="en-GB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328097871"/>
              </p:ext>
            </p:extLst>
          </p:nvPr>
        </p:nvGraphicFramePr>
        <p:xfrm>
          <a:off x="0" y="0"/>
          <a:ext cx="9144000" cy="6759444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17817694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31D447AD-C80D-4294-A457-DD8B171B3A6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>
                                            <p:graphicEl>
                                              <a:dgm id="{31D447AD-C80D-4294-A457-DD8B171B3A6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F4F7728A-2B0B-4711-9722-16B989DEF78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F4F7728A-2B0B-4711-9722-16B989DEF78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77F3359-3135-447F-B651-6333ACDEA58B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">
                                            <p:graphicEl>
                                              <a:dgm id="{B77F3359-3135-447F-B651-6333ACDEA58B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74EC1DCC-285B-4D33-B381-AF697C7FC58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4">
                                            <p:graphicEl>
                                              <a:dgm id="{74EC1DCC-285B-4D33-B381-AF697C7FC58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19D85A43-4A3B-4CA6-8A67-BE16ACA51E29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">
                                            <p:graphicEl>
                                              <a:dgm id="{19D85A43-4A3B-4CA6-8A67-BE16ACA51E29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61AD506-15D1-403F-B44C-788A33C3E5E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4">
                                            <p:graphicEl>
                                              <a:dgm id="{B61AD506-15D1-403F-B44C-788A33C3E5E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 rev="1"/>
        </p:bldSub>
      </p:bldGraphic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The eight pillars of pain (issues identified)</a:t>
            </a:r>
            <a:endParaRPr lang="en-GB" dirty="0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3368603164"/>
              </p:ext>
            </p:extLst>
          </p:nvPr>
        </p:nvGraphicFramePr>
        <p:xfrm>
          <a:off x="429680" y="1358900"/>
          <a:ext cx="8280400" cy="477046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8839198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AsOne/>
      </p:bldGraphic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Market scan or literature review</a:t>
            </a:r>
            <a:endParaRPr lang="en-GB" dirty="0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3918779701"/>
              </p:ext>
            </p:extLst>
          </p:nvPr>
        </p:nvGraphicFramePr>
        <p:xfrm>
          <a:off x="429680" y="1358900"/>
          <a:ext cx="8280400" cy="441041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21138280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C8E43395-E7E1-4A8E-B02B-E0BABD47EFE7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C8E43395-E7E1-4A8E-B02B-E0BABD47EFE7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A6470F0-372B-4FB4-BC12-EA6156FB399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>
                                            <p:graphicEl>
                                              <a:dgm id="{BA6470F0-372B-4FB4-BC12-EA6156FB399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4697EBFF-0F7E-418C-84E5-694185C6A2C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">
                                            <p:graphicEl>
                                              <a:dgm id="{4697EBFF-0F7E-418C-84E5-694185C6A2C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A13443DA-43AB-47E8-9473-81400395E72B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4">
                                            <p:graphicEl>
                                              <a:dgm id="{A13443DA-43AB-47E8-9473-81400395E72B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F8A83627-48EB-443D-A629-27AC99873DF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">
                                            <p:graphicEl>
                                              <a:dgm id="{F8A83627-48EB-443D-A629-27AC99873DF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540363"/>
          </a:xfrm>
        </p:spPr>
        <p:txBody>
          <a:bodyPr/>
          <a:lstStyle/>
          <a:p>
            <a:pPr lvl="0"/>
            <a:r>
              <a:rPr lang="en-GB" dirty="0" smtClean="0"/>
              <a:t>Planning</a:t>
            </a:r>
            <a:endParaRPr lang="en-GB" dirty="0"/>
          </a:p>
          <a:p>
            <a:endParaRPr lang="en-GB" dirty="0"/>
          </a:p>
        </p:txBody>
      </p:sp>
      <p:graphicFrame>
        <p:nvGraphicFramePr>
          <p:cNvPr id="7" name="Diagram 6"/>
          <p:cNvGraphicFramePr/>
          <p:nvPr>
            <p:extLst>
              <p:ext uri="{D42A27DB-BD31-4B8C-83A1-F6EECF244321}">
                <p14:modId xmlns:p14="http://schemas.microsoft.com/office/powerpoint/2010/main" val="3897287630"/>
              </p:ext>
            </p:extLst>
          </p:nvPr>
        </p:nvGraphicFramePr>
        <p:xfrm>
          <a:off x="431132" y="865952"/>
          <a:ext cx="8280400" cy="5623456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22906566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42B52CBD-7C96-4D5B-94BC-7E52E9F09619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graphicEl>
                                              <a:dgm id="{42B52CBD-7C96-4D5B-94BC-7E52E9F09619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E0BBBED8-C8C0-4C8E-A12F-AA942D68AC1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graphicEl>
                                              <a:dgm id="{E0BBBED8-C8C0-4C8E-A12F-AA942D68AC1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723DD7D5-D0CA-45D0-8147-7D81E720FCE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graphicEl>
                                              <a:dgm id="{723DD7D5-D0CA-45D0-8147-7D81E720FCE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2DE42F01-D850-466F-B2AD-1B3A609A8CF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graphicEl>
                                              <a:dgm id="{2DE42F01-D850-466F-B2AD-1B3A609A8CF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46323268-C7FC-477F-A10D-9F37D11F615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>
                                            <p:graphicEl>
                                              <a:dgm id="{46323268-C7FC-477F-A10D-9F37D11F615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BDB1CE75-3BDC-47B7-8091-0690B4561F4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7">
                                            <p:graphicEl>
                                              <a:dgm id="{BDB1CE75-3BDC-47B7-8091-0690B4561F4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01F1BC55-CADB-4F2A-8BA2-D4C526DCD6C1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7">
                                            <p:graphicEl>
                                              <a:dgm id="{01F1BC55-CADB-4F2A-8BA2-D4C526DCD6C1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9102D140-386E-4764-BC8E-F7F2E449D8E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7">
                                            <p:graphicEl>
                                              <a:dgm id="{9102D140-386E-4764-BC8E-F7F2E449D8E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92CDC687-0F8E-42BC-B2E2-12331A64DB3A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7">
                                            <p:graphicEl>
                                              <a:dgm id="{92CDC687-0F8E-42BC-B2E2-12331A64DB3A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C88F2F5E-24F4-428F-90FF-C4B03E89A34A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7">
                                            <p:graphicEl>
                                              <a:dgm id="{C88F2F5E-24F4-428F-90FF-C4B03E89A34A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7299CB23-EEAF-42F8-A4B1-30D3DA06CF1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7">
                                            <p:graphicEl>
                                              <a:dgm id="{7299CB23-EEAF-42F8-A4B1-30D3DA06CF1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82A12C8F-F34B-4B7F-83BB-E8FB461457B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7">
                                            <p:graphicEl>
                                              <a:dgm id="{82A12C8F-F34B-4B7F-83BB-E8FB461457B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F27E613F-D408-4605-9FD0-377E8266DCD4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7">
                                            <p:graphicEl>
                                              <a:dgm id="{F27E613F-D408-4605-9FD0-377E8266DCD4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graphicEl>
                                              <a:dgm id="{71BD7669-34F7-4968-A5A2-D7182B287A3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7">
                                            <p:graphicEl>
                                              <a:dgm id="{71BD7669-34F7-4968-A5A2-D7182B287A3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7" grpId="0">
        <p:bldSub>
          <a:bldDgm bld="one"/>
        </p:bldSub>
      </p:bldGraphic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pPr lvl="0"/>
            <a:r>
              <a:rPr lang="en-GB" dirty="0" smtClean="0"/>
              <a:t>IL frameworks</a:t>
            </a:r>
            <a:endParaRPr lang="en-GB" dirty="0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1756035470"/>
              </p:ext>
            </p:extLst>
          </p:nvPr>
        </p:nvGraphicFramePr>
        <p:xfrm>
          <a:off x="429680" y="829966"/>
          <a:ext cx="8280400" cy="511937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6442059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E3DDCFA3-1450-4E08-A0F0-56A7594CEAC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E3DDCFA3-1450-4E08-A0F0-56A7594CEAC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30D501D8-C609-47AB-B169-70CC166954A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>
                                            <p:graphicEl>
                                              <a:dgm id="{30D501D8-C609-47AB-B169-70CC166954A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8017A0B1-EB04-46BB-BE37-89ECC49075F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">
                                            <p:graphicEl>
                                              <a:dgm id="{8017A0B1-EB04-46BB-BE37-89ECC49075F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4F8274D1-21A0-4E85-AF04-6FBD0719E1F9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4">
                                            <p:graphicEl>
                                              <a:dgm id="{4F8274D1-21A0-4E85-AF04-6FBD0719E1F9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5E3E3CAC-7D42-4470-B84B-A9ADE82FC62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">
                                            <p:graphicEl>
                                              <a:dgm id="{5E3E3CAC-7D42-4470-B84B-A9ADE82FC62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pPr lvl="0"/>
            <a:r>
              <a:rPr lang="en-GB" dirty="0"/>
              <a:t>Development </a:t>
            </a:r>
            <a:r>
              <a:rPr lang="en-GB" dirty="0" smtClean="0"/>
              <a:t>and software</a:t>
            </a:r>
            <a:endParaRPr lang="en-GB" dirty="0"/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3272640805"/>
              </p:ext>
            </p:extLst>
          </p:nvPr>
        </p:nvGraphicFramePr>
        <p:xfrm>
          <a:off x="429680" y="908664"/>
          <a:ext cx="8280400" cy="549073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38468810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0F14497F-A7B7-4740-800D-BB7849EE9231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0F14497F-A7B7-4740-800D-BB7849EE9231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E80691EA-821B-4324-B7B1-B3F274167B31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>
                                            <p:graphicEl>
                                              <a:dgm id="{E80691EA-821B-4324-B7B1-B3F274167B31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FE914D60-E219-4A9A-9632-083322EF81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">
                                            <p:graphicEl>
                                              <a:dgm id="{FE914D60-E219-4A9A-9632-083322EF8117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9120BE4-A3DC-4CF7-895A-37DF4294FE0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4">
                                            <p:graphicEl>
                                              <a:dgm id="{B9120BE4-A3DC-4CF7-895A-37DF4294FE0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4E220C78-0065-417C-BC5A-BD451605E18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">
                                            <p:graphicEl>
                                              <a:dgm id="{4E220C78-0065-417C-BC5A-BD451605E186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57F04BB1-DA5B-4133-9C15-CCFE1891617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4">
                                            <p:graphicEl>
                                              <a:dgm id="{57F04BB1-DA5B-4133-9C15-CCFE1891617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BF805DB-4420-4CA5-B16C-4DA430BBBA54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4">
                                            <p:graphicEl>
                                              <a:dgm id="{BBF805DB-4420-4CA5-B16C-4DA430BBBA54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8C802F5-152B-4239-B947-6841A3DC370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4">
                                            <p:graphicEl>
                                              <a:dgm id="{B8C802F5-152B-4239-B947-6841A3DC370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345E5638-5F8C-4429-84EA-C42BD741E7C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4">
                                            <p:graphicEl>
                                              <a:dgm id="{345E5638-5F8C-4429-84EA-C42BD741E7C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F3E508E7-FA15-41FB-A244-E2CE47F6F53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4">
                                            <p:graphicEl>
                                              <a:dgm id="{F3E508E7-FA15-41FB-A244-E2CE47F6F53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pPr lvl="0"/>
            <a:r>
              <a:rPr lang="en-GB" dirty="0"/>
              <a:t>Hardware and delivery methods </a:t>
            </a:r>
          </a:p>
        </p:txBody>
      </p:sp>
      <p:graphicFrame>
        <p:nvGraphicFramePr>
          <p:cNvPr id="5" name="Diagram 4"/>
          <p:cNvGraphicFramePr/>
          <p:nvPr>
            <p:extLst>
              <p:ext uri="{D42A27DB-BD31-4B8C-83A1-F6EECF244321}">
                <p14:modId xmlns:p14="http://schemas.microsoft.com/office/powerpoint/2010/main" val="1189838341"/>
              </p:ext>
            </p:extLst>
          </p:nvPr>
        </p:nvGraphicFramePr>
        <p:xfrm>
          <a:off x="412659" y="1448736"/>
          <a:ext cx="8280400" cy="414055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4215615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E4ED5A5B-5FAC-4519-936B-2F8DF66C2163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>
                                            <p:graphicEl>
                                              <a:dgm id="{E4ED5A5B-5FAC-4519-936B-2F8DF66C2163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364FBBF6-F0BD-4B7B-B130-B8452B7AFC1E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>
                                            <p:graphicEl>
                                              <a:dgm id="{364FBBF6-F0BD-4B7B-B130-B8452B7AFC1E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graphicEl>
                                              <a:dgm id="{B032216B-D84A-492F-B9EB-76D9F0D329AB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>
                                            <p:graphicEl>
                                              <a:dgm id="{B032216B-D84A-492F-B9EB-76D9F0D329AB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5" grpId="0">
        <p:bldSub>
          <a:bldDgm bld="one"/>
        </p:bldSub>
      </p:bldGraphic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PRESENTER" val="f35169ef4977173c75451dcca8f695072788d"/>
</p:tagLst>
</file>

<file path=ppt/theme/theme1.xml><?xml version="1.0" encoding="utf-8"?>
<a:theme xmlns:a="http://schemas.openxmlformats.org/drawingml/2006/main" name="Fra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ection Dividers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Slides">
  <a:themeElements>
    <a:clrScheme name="GCU">
      <a:dk1>
        <a:sysClr val="windowText" lastClr="000000"/>
      </a:dk1>
      <a:lt1>
        <a:srgbClr val="FFFFFF"/>
      </a:lt1>
      <a:dk2>
        <a:srgbClr val="006CB4"/>
      </a:dk2>
      <a:lt2>
        <a:srgbClr val="EFEEED"/>
      </a:lt2>
      <a:accent1>
        <a:srgbClr val="0092BC"/>
      </a:accent1>
      <a:accent2>
        <a:srgbClr val="64A70B"/>
      </a:accent2>
      <a:accent3>
        <a:srgbClr val="AA0061"/>
      </a:accent3>
      <a:accent4>
        <a:srgbClr val="642667"/>
      </a:accent4>
      <a:accent5>
        <a:srgbClr val="B5BD00"/>
      </a:accent5>
      <a:accent6>
        <a:srgbClr val="00A9E0"/>
      </a:accent6>
      <a:hlink>
        <a:srgbClr val="64A70B"/>
      </a:hlink>
      <a:folHlink>
        <a:srgbClr val="DAAA00"/>
      </a:folHlink>
    </a:clrScheme>
    <a:fontScheme name="GCU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5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GCU Template v8</Template>
  <TotalTime>0</TotalTime>
  <Words>695</Words>
  <Application>Microsoft Office PowerPoint</Application>
  <PresentationFormat>On-screen Show (4:3)</PresentationFormat>
  <Paragraphs>120</Paragraphs>
  <Slides>14</Slides>
  <Notes>2</Notes>
  <HiddenSlides>0</HiddenSlides>
  <MMClips>0</MMClips>
  <ScaleCrop>false</ScaleCrop>
  <HeadingPairs>
    <vt:vector size="4" baseType="variant">
      <vt:variant>
        <vt:lpstr>Theme</vt:lpstr>
      </vt:variant>
      <vt:variant>
        <vt:i4>3</vt:i4>
      </vt:variant>
      <vt:variant>
        <vt:lpstr>Slide Titles</vt:lpstr>
      </vt:variant>
      <vt:variant>
        <vt:i4>14</vt:i4>
      </vt:variant>
    </vt:vector>
  </HeadingPairs>
  <TitlesOfParts>
    <vt:vector size="17" baseType="lpstr">
      <vt:lpstr>Frame</vt:lpstr>
      <vt:lpstr>Section Dividers</vt:lpstr>
      <vt:lpstr>Slides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Base/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creator/>
  <cp:lastModifiedBy/>
  <cp:revision>1</cp:revision>
  <dcterms:created xsi:type="dcterms:W3CDTF">2013-06-18T15:06:41Z</dcterms:created>
  <dcterms:modified xsi:type="dcterms:W3CDTF">2016-09-13T09:49:50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Tfs.IsStoryboard">
    <vt:bool>true</vt:bool>
  </property>
  <property fmtid="{D5CDD505-2E9C-101B-9397-08002B2CF9AE}" pid="3" name="Tfs.LastKnownPath">
    <vt:lpwstr>\\enterprise.gcal.ac.uk\gcu\MPR\Common\Marketing\Brand\Powerpoint templates\GCU4x3March2015r6.pptx</vt:lpwstr>
  </property>
</Properties>
</file>